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82\8_温泉課\令和７年度\0900庶務\910広報・HP\912HP関連(修正予定日でフォルダを作成)\20250813HP修正\掲示証修正案\20250818掲示証修正案\"/>
    </mc:Choice>
  </mc:AlternateContent>
  <bookViews>
    <workbookView xWindow="-3420" yWindow="48" windowWidth="12588" windowHeight="11640"/>
  </bookViews>
  <sheets>
    <sheet name="ｻﾝﾌﾟﾙ" sheetId="28" r:id="rId1"/>
    <sheet name="記入例1" sheetId="26" r:id="rId2"/>
    <sheet name="ｻﾝﾌﾟﾙ(4項目込み)" sheetId="30" r:id="rId3"/>
    <sheet name="記入例2" sheetId="24" r:id="rId4"/>
    <sheet name="イオン表記例" sheetId="5" r:id="rId5"/>
  </sheets>
  <calcPr calcId="162913"/>
</workbook>
</file>

<file path=xl/sharedStrings.xml><?xml version="1.0" encoding="utf-8"?>
<sst xmlns="http://schemas.openxmlformats.org/spreadsheetml/2006/main" count="467" uniqueCount="208">
  <si>
    <t>成　　　　　　分</t>
  </si>
  <si>
    <t>リチウムイオン</t>
  </si>
  <si>
    <r>
      <t>(Ｆ</t>
    </r>
    <r>
      <rPr>
        <vertAlign val="superscript"/>
        <sz val="14"/>
        <rFont val="ＭＳ Ｐ明朝"/>
        <family val="1"/>
        <charset val="128"/>
      </rPr>
      <t>-</t>
    </r>
    <r>
      <rPr>
        <sz val="14"/>
        <rFont val="ＭＳ Ｐ明朝"/>
        <family val="1"/>
        <charset val="128"/>
      </rPr>
      <t>)</t>
    </r>
  </si>
  <si>
    <t>ナトリウムイオン</t>
  </si>
  <si>
    <r>
      <t>(Ｃｌ</t>
    </r>
    <r>
      <rPr>
        <vertAlign val="superscript"/>
        <sz val="14"/>
        <rFont val="ＭＳ Ｐ明朝"/>
        <family val="1"/>
        <charset val="128"/>
      </rPr>
      <t>-</t>
    </r>
    <r>
      <rPr>
        <sz val="14"/>
        <rFont val="ＭＳ Ｐ明朝"/>
        <family val="1"/>
        <charset val="128"/>
      </rPr>
      <t>)</t>
    </r>
  </si>
  <si>
    <t>カリウムイオン</t>
  </si>
  <si>
    <t>マグネシウムイオン</t>
  </si>
  <si>
    <r>
      <t>(ＳＯ</t>
    </r>
    <r>
      <rPr>
        <vertAlign val="subscript"/>
        <sz val="14"/>
        <rFont val="ＭＳ Ｐ明朝"/>
        <family val="1"/>
        <charset val="128"/>
      </rPr>
      <t>4</t>
    </r>
    <r>
      <rPr>
        <vertAlign val="superscript"/>
        <sz val="14"/>
        <rFont val="ＭＳ Ｐ明朝"/>
        <family val="1"/>
        <charset val="128"/>
      </rPr>
      <t>2-</t>
    </r>
    <r>
      <rPr>
        <sz val="14"/>
        <rFont val="ＭＳ Ｐ明朝"/>
        <family val="1"/>
        <charset val="128"/>
      </rPr>
      <t>)</t>
    </r>
  </si>
  <si>
    <t>カルシウムイオン</t>
  </si>
  <si>
    <t>炭酸水素イオン</t>
  </si>
  <si>
    <r>
      <t>(ＨＣＯ</t>
    </r>
    <r>
      <rPr>
        <vertAlign val="subscript"/>
        <sz val="14"/>
        <rFont val="ＭＳ Ｐ明朝"/>
        <family val="1"/>
        <charset val="128"/>
      </rPr>
      <t>3</t>
    </r>
    <r>
      <rPr>
        <vertAlign val="superscript"/>
        <sz val="14"/>
        <rFont val="ＭＳ Ｐ明朝"/>
        <family val="1"/>
        <charset val="128"/>
      </rPr>
      <t>-</t>
    </r>
    <r>
      <rPr>
        <sz val="14"/>
        <rFont val="ＭＳ Ｐ明朝"/>
        <family val="1"/>
        <charset val="128"/>
      </rPr>
      <t>)</t>
    </r>
  </si>
  <si>
    <t>ストロンチウムイオン</t>
  </si>
  <si>
    <t>炭酸イオン</t>
  </si>
  <si>
    <r>
      <t>(ＣＯ</t>
    </r>
    <r>
      <rPr>
        <vertAlign val="subscript"/>
        <sz val="14"/>
        <rFont val="ＭＳ Ｐ明朝"/>
        <family val="1"/>
        <charset val="128"/>
      </rPr>
      <t>3</t>
    </r>
    <r>
      <rPr>
        <vertAlign val="superscript"/>
        <sz val="14"/>
        <rFont val="ＭＳ Ｐ明朝"/>
        <family val="1"/>
        <charset val="128"/>
      </rPr>
      <t>2-</t>
    </r>
    <r>
      <rPr>
        <sz val="14"/>
        <rFont val="ＭＳ Ｐ明朝"/>
        <family val="1"/>
        <charset val="128"/>
      </rPr>
      <t>)</t>
    </r>
  </si>
  <si>
    <t>硝酸イオン</t>
  </si>
  <si>
    <r>
      <t>(ＮＯ</t>
    </r>
    <r>
      <rPr>
        <vertAlign val="subscript"/>
        <sz val="14"/>
        <rFont val="ＭＳ Ｐ明朝"/>
        <family val="1"/>
        <charset val="128"/>
      </rPr>
      <t>3</t>
    </r>
    <r>
      <rPr>
        <vertAlign val="superscript"/>
        <sz val="14"/>
        <rFont val="ＭＳ Ｐ明朝"/>
        <family val="1"/>
        <charset val="128"/>
      </rPr>
      <t>-</t>
    </r>
    <r>
      <rPr>
        <sz val="14"/>
        <rFont val="ＭＳ Ｐ明朝"/>
        <family val="1"/>
        <charset val="128"/>
      </rPr>
      <t>)</t>
    </r>
  </si>
  <si>
    <t>アルミニウムイオン</t>
  </si>
  <si>
    <r>
      <t>(ＨＳiＯ</t>
    </r>
    <r>
      <rPr>
        <vertAlign val="subscript"/>
        <sz val="14"/>
        <rFont val="ＭＳ Ｐ明朝"/>
        <family val="1"/>
        <charset val="128"/>
      </rPr>
      <t>3</t>
    </r>
    <r>
      <rPr>
        <vertAlign val="superscript"/>
        <sz val="14"/>
        <rFont val="ＭＳ Ｐ明朝"/>
        <family val="1"/>
        <charset val="128"/>
      </rPr>
      <t>-</t>
    </r>
    <r>
      <rPr>
        <sz val="14"/>
        <rFont val="ＭＳ Ｐ明朝"/>
        <family val="1"/>
        <charset val="128"/>
      </rPr>
      <t>)</t>
    </r>
  </si>
  <si>
    <t>マンガンイオン</t>
  </si>
  <si>
    <r>
      <t>(ＢＯ</t>
    </r>
    <r>
      <rPr>
        <vertAlign val="subscript"/>
        <sz val="14"/>
        <rFont val="ＭＳ Ｐ明朝"/>
        <family val="1"/>
        <charset val="128"/>
      </rPr>
      <t>2</t>
    </r>
    <r>
      <rPr>
        <vertAlign val="superscript"/>
        <sz val="14"/>
        <rFont val="ＭＳ Ｐ明朝"/>
        <family val="1"/>
        <charset val="128"/>
      </rPr>
      <t>-</t>
    </r>
    <r>
      <rPr>
        <sz val="14"/>
        <rFont val="ＭＳ Ｐ明朝"/>
        <family val="1"/>
        <charset val="128"/>
      </rPr>
      <t>)</t>
    </r>
  </si>
  <si>
    <t>亜鉛イオン</t>
    <rPh sb="0" eb="2">
      <t>アエン</t>
    </rPh>
    <phoneticPr fontId="2"/>
  </si>
  <si>
    <t>陰　イ　オ　ン　計</t>
  </si>
  <si>
    <t>銅イオン</t>
  </si>
  <si>
    <t>鉛イオン</t>
  </si>
  <si>
    <t>遊離二酸化炭素</t>
    <rPh sb="5" eb="6">
      <t>スミ</t>
    </rPh>
    <phoneticPr fontId="2"/>
  </si>
  <si>
    <t>カドミウムイオン</t>
  </si>
  <si>
    <t>総ヒ素</t>
  </si>
  <si>
    <t>(Ａｓ)</t>
  </si>
  <si>
    <t>遊　離　成　分　計</t>
  </si>
  <si>
    <t>微　量　成　分　計</t>
  </si>
  <si>
    <t>　　　温泉の成分、禁忌症及び入浴上の注意事項掲示証</t>
    <phoneticPr fontId="8"/>
  </si>
  <si>
    <r>
      <t>(Br</t>
    </r>
    <r>
      <rPr>
        <vertAlign val="superscript"/>
        <sz val="14"/>
        <rFont val="ＭＳ Ｐ明朝"/>
        <family val="1"/>
        <charset val="128"/>
      </rPr>
      <t>－</t>
    </r>
    <r>
      <rPr>
        <sz val="14"/>
        <rFont val="ＭＳ Ｐ明朝"/>
        <family val="1"/>
        <charset val="128"/>
      </rPr>
      <t>)</t>
    </r>
    <phoneticPr fontId="8"/>
  </si>
  <si>
    <t>総水銀</t>
    <rPh sb="0" eb="1">
      <t>ソウ</t>
    </rPh>
    <rPh sb="1" eb="3">
      <t>スイギン</t>
    </rPh>
    <phoneticPr fontId="2"/>
  </si>
  <si>
    <t>(Hg)</t>
    <phoneticPr fontId="8"/>
  </si>
  <si>
    <t>禁忌症、入浴上の注意事項</t>
    <phoneticPr fontId="8"/>
  </si>
  <si>
    <t>陽　イ　オ　ン　計</t>
    <phoneticPr fontId="8"/>
  </si>
  <si>
    <t>陰　　イ　　オ　　ン</t>
    <phoneticPr fontId="8"/>
  </si>
  <si>
    <t>硫酸イオン</t>
    <phoneticPr fontId="8"/>
  </si>
  <si>
    <t>　　　０．００</t>
  </si>
  <si>
    <t>微　量　成　分</t>
    <phoneticPr fontId="8"/>
  </si>
  <si>
    <t>遊　離　成　分</t>
    <phoneticPr fontId="8"/>
  </si>
  <si>
    <t>陽　　イ　　オ　　ン</t>
    <phoneticPr fontId="8"/>
  </si>
  <si>
    <t>陽イオン</t>
    <phoneticPr fontId="8"/>
  </si>
  <si>
    <t>陰イオン</t>
    <phoneticPr fontId="8"/>
  </si>
  <si>
    <t>遊離成分</t>
    <phoneticPr fontId="8"/>
  </si>
  <si>
    <t>微量成分</t>
    <phoneticPr fontId="8"/>
  </si>
  <si>
    <t>　</t>
    <phoneticPr fontId="8"/>
  </si>
  <si>
    <t>該当の有無（有の場合はその理由）</t>
    <rPh sb="0" eb="2">
      <t>ガイトウ</t>
    </rPh>
    <rPh sb="3" eb="5">
      <t>ウム</t>
    </rPh>
    <rPh sb="6" eb="7">
      <t>アリ</t>
    </rPh>
    <rPh sb="8" eb="10">
      <t>バアイ</t>
    </rPh>
    <rPh sb="13" eb="15">
      <t>リユウ</t>
    </rPh>
    <phoneticPr fontId="8"/>
  </si>
  <si>
    <r>
      <rPr>
        <b/>
        <sz val="16"/>
        <rFont val="ＭＳ Ｐ明朝"/>
        <family val="1"/>
        <charset val="128"/>
      </rPr>
      <t>　１．温泉利用施設名</t>
    </r>
    <r>
      <rPr>
        <sz val="16"/>
        <rFont val="ＭＳ Ｐ明朝"/>
        <family val="1"/>
        <charset val="128"/>
      </rPr>
      <t>　　　</t>
    </r>
    <rPh sb="3" eb="5">
      <t>オンセン</t>
    </rPh>
    <rPh sb="5" eb="7">
      <t>リヨウ</t>
    </rPh>
    <rPh sb="7" eb="9">
      <t>シセツ</t>
    </rPh>
    <rPh sb="9" eb="10">
      <t>メイ</t>
    </rPh>
    <phoneticPr fontId="2"/>
  </si>
  <si>
    <r>
      <rPr>
        <b/>
        <sz val="16"/>
        <rFont val="ＭＳ Ｐ明朝"/>
        <family val="1"/>
        <charset val="128"/>
      </rPr>
      <t>　２．源泉名</t>
    </r>
    <r>
      <rPr>
        <sz val="16"/>
        <rFont val="ＭＳ Ｐ明朝"/>
        <family val="1"/>
        <charset val="128"/>
      </rPr>
      <t xml:space="preserve">　      </t>
    </r>
    <phoneticPr fontId="2"/>
  </si>
  <si>
    <t>温泉の加水</t>
    <rPh sb="0" eb="2">
      <t>オンセン</t>
    </rPh>
    <rPh sb="3" eb="5">
      <t>カスイ</t>
    </rPh>
    <phoneticPr fontId="8"/>
  </si>
  <si>
    <t>温泉の加温</t>
    <rPh sb="0" eb="2">
      <t>オンセン</t>
    </rPh>
    <rPh sb="3" eb="5">
      <t>カオン</t>
    </rPh>
    <phoneticPr fontId="8"/>
  </si>
  <si>
    <t>消毒処理の有無</t>
    <rPh sb="0" eb="2">
      <t>ショウドク</t>
    </rPh>
    <rPh sb="2" eb="4">
      <t>ショリ</t>
    </rPh>
    <rPh sb="5" eb="7">
      <t>ウム</t>
    </rPh>
    <phoneticPr fontId="8"/>
  </si>
  <si>
    <t xml:space="preserve"> 及び登録番号</t>
    <phoneticPr fontId="8"/>
  </si>
  <si>
    <t>成分に影響を与える項目の掲示事項</t>
    <phoneticPr fontId="8"/>
  </si>
  <si>
    <t>成分に影響を
与える項目</t>
    <rPh sb="0" eb="2">
      <t>セイブン</t>
    </rPh>
    <rPh sb="3" eb="5">
      <t>エイキョウ</t>
    </rPh>
    <rPh sb="7" eb="8">
      <t>アタ</t>
    </rPh>
    <rPh sb="10" eb="12">
      <t>コウモク</t>
    </rPh>
    <phoneticPr fontId="8"/>
  </si>
  <si>
    <t>行っています（理由：衛生管理のため塩素系薬剤を使用しています）</t>
    <rPh sb="0" eb="1">
      <t>オコナ</t>
    </rPh>
    <rPh sb="7" eb="9">
      <t>リユウ</t>
    </rPh>
    <phoneticPr fontId="8"/>
  </si>
  <si>
    <t>神奈川県知事登録　第　＊＊　号</t>
    <phoneticPr fontId="8"/>
  </si>
  <si>
    <t>電気伝導率</t>
    <rPh sb="0" eb="2">
      <t>デンキ</t>
    </rPh>
    <rPh sb="2" eb="5">
      <t>デンドウリツ</t>
    </rPh>
    <phoneticPr fontId="8"/>
  </si>
  <si>
    <t>蒸発残留物</t>
    <rPh sb="0" eb="2">
      <t>ジョウハツ</t>
    </rPh>
    <rPh sb="2" eb="4">
      <t>ザンリュウ</t>
    </rPh>
    <rPh sb="4" eb="5">
      <t>ブツ</t>
    </rPh>
    <phoneticPr fontId="8"/>
  </si>
  <si>
    <t>　筋肉若しくは関節の慢性的な痛み又はこわばり（関節リウマチ、変形性関節症、腰痛症、神経痛、五十肩、打撲、
　捻挫などの慢性期）、運動麻痺における筋肉のこわばり、冷え性、末梢循環障害、胃腸機能の低下（胃がもたれる、
　腸にガスがたまるなど）、軽症高血圧、耐糖能異常（糖尿病）、軽い高コレステロール血症、軽い喘息又は肺気腫、
　痔の痛み、自律神経不安定症、ストレスによる諸症状（睡眠障害、うつ状態など）、病後回復期、疲労回復、健康増進</t>
    <rPh sb="3" eb="4">
      <t>モ</t>
    </rPh>
    <phoneticPr fontId="8"/>
  </si>
  <si>
    <t>＊＊＊＊＊＊研究所</t>
    <phoneticPr fontId="8"/>
  </si>
  <si>
    <r>
      <t>(Ｌi</t>
    </r>
    <r>
      <rPr>
        <vertAlign val="superscript"/>
        <sz val="14"/>
        <color rgb="FFFF0000"/>
        <rFont val="ＭＳ Ｐ明朝"/>
        <family val="1"/>
        <charset val="128"/>
      </rPr>
      <t>+</t>
    </r>
    <r>
      <rPr>
        <sz val="14"/>
        <color rgb="FFFF0000"/>
        <rFont val="ＭＳ Ｐ明朝"/>
        <family val="1"/>
        <charset val="128"/>
      </rPr>
      <t>)</t>
    </r>
  </si>
  <si>
    <r>
      <t>(Ｎa</t>
    </r>
    <r>
      <rPr>
        <vertAlign val="superscript"/>
        <sz val="14"/>
        <color rgb="FFFF0000"/>
        <rFont val="ＭＳ Ｐ明朝"/>
        <family val="1"/>
        <charset val="128"/>
      </rPr>
      <t>+</t>
    </r>
    <r>
      <rPr>
        <sz val="14"/>
        <color rgb="FFFF0000"/>
        <rFont val="ＭＳ Ｐ明朝"/>
        <family val="1"/>
        <charset val="128"/>
      </rPr>
      <t>)</t>
    </r>
  </si>
  <si>
    <r>
      <t>(Ｋ</t>
    </r>
    <r>
      <rPr>
        <vertAlign val="superscript"/>
        <sz val="14"/>
        <color rgb="FFFF0000"/>
        <rFont val="ＭＳ Ｐ明朝"/>
        <family val="1"/>
        <charset val="128"/>
      </rPr>
      <t>+</t>
    </r>
    <r>
      <rPr>
        <sz val="14"/>
        <color rgb="FFFF0000"/>
        <rFont val="ＭＳ Ｐ明朝"/>
        <family val="1"/>
        <charset val="128"/>
      </rPr>
      <t>)</t>
    </r>
  </si>
  <si>
    <r>
      <t>(Ｍg</t>
    </r>
    <r>
      <rPr>
        <vertAlign val="superscript"/>
        <sz val="14"/>
        <color rgb="FFFF0000"/>
        <rFont val="ＭＳ Ｐ明朝"/>
        <family val="1"/>
        <charset val="128"/>
      </rPr>
      <t>2+</t>
    </r>
    <r>
      <rPr>
        <sz val="14"/>
        <color rgb="FFFF0000"/>
        <rFont val="ＭＳ Ｐ明朝"/>
        <family val="1"/>
        <charset val="128"/>
      </rPr>
      <t>)</t>
    </r>
  </si>
  <si>
    <r>
      <t>(Ｃa</t>
    </r>
    <r>
      <rPr>
        <vertAlign val="superscript"/>
        <sz val="14"/>
        <color rgb="FFFF0000"/>
        <rFont val="ＭＳ Ｐ明朝"/>
        <family val="1"/>
        <charset val="128"/>
      </rPr>
      <t>2+</t>
    </r>
    <r>
      <rPr>
        <sz val="14"/>
        <color rgb="FFFF0000"/>
        <rFont val="ＭＳ Ｐ明朝"/>
        <family val="1"/>
        <charset val="128"/>
      </rPr>
      <t>)</t>
    </r>
  </si>
  <si>
    <r>
      <t>(Ｓr</t>
    </r>
    <r>
      <rPr>
        <vertAlign val="superscript"/>
        <sz val="14"/>
        <color rgb="FFFF0000"/>
        <rFont val="ＭＳ Ｐ明朝"/>
        <family val="1"/>
        <charset val="128"/>
      </rPr>
      <t>2+</t>
    </r>
    <r>
      <rPr>
        <sz val="14"/>
        <color rgb="FFFF0000"/>
        <rFont val="ＭＳ Ｐ明朝"/>
        <family val="1"/>
        <charset val="128"/>
      </rPr>
      <t>)</t>
    </r>
  </si>
  <si>
    <r>
      <t>(Ｆe</t>
    </r>
    <r>
      <rPr>
        <vertAlign val="superscript"/>
        <sz val="14"/>
        <color rgb="FFFF0000"/>
        <rFont val="ＭＳ Ｐ明朝"/>
        <family val="1"/>
        <charset val="128"/>
      </rPr>
      <t>2+</t>
    </r>
    <r>
      <rPr>
        <sz val="14"/>
        <color rgb="FFFF0000"/>
        <rFont val="ＭＳ Ｐ明朝"/>
        <family val="1"/>
        <charset val="128"/>
      </rPr>
      <t>)</t>
    </r>
  </si>
  <si>
    <r>
      <t>(Ａl</t>
    </r>
    <r>
      <rPr>
        <vertAlign val="superscript"/>
        <sz val="14"/>
        <color rgb="FFFF0000"/>
        <rFont val="ＭＳ Ｐ明朝"/>
        <family val="1"/>
        <charset val="128"/>
      </rPr>
      <t>3+</t>
    </r>
    <r>
      <rPr>
        <sz val="14"/>
        <color rgb="FFFF0000"/>
        <rFont val="ＭＳ Ｐ明朝"/>
        <family val="1"/>
        <charset val="128"/>
      </rPr>
      <t>)</t>
    </r>
  </si>
  <si>
    <r>
      <t>(Ｍn</t>
    </r>
    <r>
      <rPr>
        <vertAlign val="superscript"/>
        <sz val="14"/>
        <color rgb="FFFF0000"/>
        <rFont val="ＭＳ Ｐ明朝"/>
        <family val="1"/>
        <charset val="128"/>
      </rPr>
      <t>2+</t>
    </r>
    <r>
      <rPr>
        <sz val="14"/>
        <color rgb="FFFF0000"/>
        <rFont val="ＭＳ Ｐ明朝"/>
        <family val="1"/>
        <charset val="128"/>
      </rPr>
      <t>)</t>
    </r>
  </si>
  <si>
    <r>
      <t>(Ｚn</t>
    </r>
    <r>
      <rPr>
        <vertAlign val="superscript"/>
        <sz val="14"/>
        <color rgb="FFFF0000"/>
        <rFont val="ＭＳ Ｐ明朝"/>
        <family val="1"/>
        <charset val="128"/>
      </rPr>
      <t>2+</t>
    </r>
    <r>
      <rPr>
        <sz val="14"/>
        <color rgb="FFFF0000"/>
        <rFont val="ＭＳ Ｐ明朝"/>
        <family val="1"/>
        <charset val="128"/>
      </rPr>
      <t>)</t>
    </r>
  </si>
  <si>
    <r>
      <t>(Br</t>
    </r>
    <r>
      <rPr>
        <vertAlign val="superscript"/>
        <sz val="14"/>
        <color rgb="FFFF0000"/>
        <rFont val="ＭＳ Ｐ明朝"/>
        <family val="1"/>
        <charset val="128"/>
      </rPr>
      <t>－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ＨＳiＯ</t>
    </r>
    <r>
      <rPr>
        <vertAlign val="subscript"/>
        <sz val="14"/>
        <color rgb="FFFF0000"/>
        <rFont val="ＭＳ Ｐ明朝"/>
        <family val="1"/>
        <charset val="128"/>
      </rPr>
      <t>3</t>
    </r>
    <r>
      <rPr>
        <vertAlign val="superscript"/>
        <sz val="14"/>
        <color rgb="FFFF0000"/>
        <rFont val="ＭＳ Ｐ明朝"/>
        <family val="1"/>
        <charset val="128"/>
      </rPr>
      <t>-</t>
    </r>
    <r>
      <rPr>
        <sz val="14"/>
        <color rgb="FFFF0000"/>
        <rFont val="ＭＳ Ｐ明朝"/>
        <family val="1"/>
        <charset val="128"/>
      </rPr>
      <t>)</t>
    </r>
  </si>
  <si>
    <r>
      <t>(ＢＯ</t>
    </r>
    <r>
      <rPr>
        <vertAlign val="subscript"/>
        <sz val="14"/>
        <color rgb="FFFF0000"/>
        <rFont val="ＭＳ Ｐ明朝"/>
        <family val="1"/>
        <charset val="128"/>
      </rPr>
      <t>2</t>
    </r>
    <r>
      <rPr>
        <vertAlign val="superscript"/>
        <sz val="14"/>
        <color rgb="FFFF0000"/>
        <rFont val="ＭＳ Ｐ明朝"/>
        <family val="1"/>
        <charset val="128"/>
      </rPr>
      <t>-</t>
    </r>
    <r>
      <rPr>
        <sz val="14"/>
        <color rgb="FFFF0000"/>
        <rFont val="ＭＳ Ｐ明朝"/>
        <family val="1"/>
        <charset val="128"/>
      </rPr>
      <t>)</t>
    </r>
  </si>
  <si>
    <t>(Hg)</t>
    <phoneticPr fontId="8"/>
  </si>
  <si>
    <t>○○旅館</t>
    <phoneticPr fontId="8"/>
  </si>
  <si>
    <t>　５．温泉の成分</t>
    <phoneticPr fontId="8"/>
  </si>
  <si>
    <t>知覚的試験</t>
    <phoneticPr fontId="8"/>
  </si>
  <si>
    <t>ｐＨ</t>
    <phoneticPr fontId="8"/>
  </si>
  <si>
    <t>成分総計</t>
    <phoneticPr fontId="8"/>
  </si>
  <si>
    <t>　６．温泉分析年月日</t>
    <phoneticPr fontId="8"/>
  </si>
  <si>
    <r>
      <rPr>
        <b/>
        <sz val="16"/>
        <rFont val="ＭＳ Ｐ明朝"/>
        <family val="1"/>
        <charset val="128"/>
      </rPr>
      <t>　７．分析機関の名称</t>
    </r>
    <r>
      <rPr>
        <sz val="16"/>
        <rFont val="ＭＳ Ｐ明朝"/>
        <family val="1"/>
        <charset val="128"/>
      </rPr>
      <t/>
    </r>
    <phoneticPr fontId="8"/>
  </si>
  <si>
    <t>○○温泉（源泉名：　　　　　　　　）</t>
    <rPh sb="5" eb="7">
      <t>ゲンセン</t>
    </rPh>
    <rPh sb="7" eb="8">
      <t>メイ</t>
    </rPh>
    <phoneticPr fontId="8"/>
  </si>
  <si>
    <t>台帳番号　　○○第○○号</t>
    <rPh sb="0" eb="2">
      <t>ダイチョウ</t>
    </rPh>
    <rPh sb="2" eb="4">
      <t>バンゴウ</t>
    </rPh>
    <rPh sb="8" eb="9">
      <t>ダイ</t>
    </rPh>
    <rPh sb="11" eb="12">
      <t>ゴウ</t>
    </rPh>
    <phoneticPr fontId="8"/>
  </si>
  <si>
    <t>　４．泉  温</t>
    <phoneticPr fontId="8"/>
  </si>
  <si>
    <t>　３．泉　質</t>
    <phoneticPr fontId="8"/>
  </si>
  <si>
    <t>ナトリウム－塩化物温泉　（旧泉質名　純弱食塩泉）　</t>
    <rPh sb="9" eb="10">
      <t>オン</t>
    </rPh>
    <rPh sb="13" eb="14">
      <t>キュウ</t>
    </rPh>
    <rPh sb="14" eb="16">
      <t>センシツ</t>
    </rPh>
    <rPh sb="16" eb="17">
      <t>メイ</t>
    </rPh>
    <rPh sb="18" eb="19">
      <t>ジュン</t>
    </rPh>
    <rPh sb="19" eb="20">
      <t>ジャク</t>
    </rPh>
    <rPh sb="20" eb="22">
      <t>ショクエン</t>
    </rPh>
    <rPh sb="22" eb="23">
      <t>セン</t>
    </rPh>
    <phoneticPr fontId="8"/>
  </si>
  <si>
    <t>６．５</t>
    <phoneticPr fontId="8"/>
  </si>
  <si>
    <t>０．３５０　 S／ｍ</t>
    <phoneticPr fontId="8"/>
  </si>
  <si>
    <t>２．２８０　ｇ／ｋｇ</t>
    <phoneticPr fontId="8"/>
  </si>
  <si>
    <t>　　　　０．６０</t>
    <phoneticPr fontId="8"/>
  </si>
  <si>
    <t>　　６５０．</t>
    <phoneticPr fontId="8"/>
  </si>
  <si>
    <t>　　　５０．０</t>
    <phoneticPr fontId="8"/>
  </si>
  <si>
    <t>　　　　５．００</t>
    <phoneticPr fontId="8"/>
  </si>
  <si>
    <t>　　　７０．０</t>
    <phoneticPr fontId="8"/>
  </si>
  <si>
    <t>　　　　０．５０</t>
    <phoneticPr fontId="8"/>
  </si>
  <si>
    <t>　　　　０．０５</t>
    <phoneticPr fontId="8"/>
  </si>
  <si>
    <t>　　　　０．２０</t>
    <phoneticPr fontId="8"/>
  </si>
  <si>
    <t>　１１００．</t>
    <phoneticPr fontId="8"/>
  </si>
  <si>
    <t>　　　　２．００</t>
    <phoneticPr fontId="8"/>
  </si>
  <si>
    <t>　　１００．</t>
    <phoneticPr fontId="8"/>
  </si>
  <si>
    <t>　　　　０．０３</t>
    <phoneticPr fontId="8"/>
  </si>
  <si>
    <t>　　　　１．５０</t>
    <phoneticPr fontId="8"/>
  </si>
  <si>
    <t>　　２００．</t>
    <phoneticPr fontId="8"/>
  </si>
  <si>
    <t>　　２５２．</t>
    <phoneticPr fontId="8"/>
  </si>
  <si>
    <t>２．２８５　ｇ／ｋｇ</t>
    <phoneticPr fontId="8"/>
  </si>
  <si>
    <t>℃</t>
    <phoneticPr fontId="8"/>
  </si>
  <si>
    <t>源泉</t>
    <phoneticPr fontId="8"/>
  </si>
  <si>
    <t>８５．０</t>
    <phoneticPr fontId="8"/>
  </si>
  <si>
    <t>（２）泉質別禁忌症（浴用）</t>
    <phoneticPr fontId="8"/>
  </si>
  <si>
    <t>（１）一般的禁忌症（浴用）</t>
    <rPh sb="6" eb="8">
      <t>キンキ</t>
    </rPh>
    <rPh sb="8" eb="9">
      <t>ショウ</t>
    </rPh>
    <phoneticPr fontId="8"/>
  </si>
  <si>
    <t>（４）泉質別適応症（浴用）</t>
    <rPh sb="6" eb="8">
      <t>テキオウ</t>
    </rPh>
    <phoneticPr fontId="8"/>
  </si>
  <si>
    <t>（３）一般的適応症（浴用）</t>
    <rPh sb="3" eb="6">
      <t>イッパンテキ</t>
    </rPh>
    <phoneticPr fontId="8"/>
  </si>
  <si>
    <t>　病気の活動期（特に熱のあるとき）、活動性の結核、進行した悪性腫瘍又は高度の貧血など身体衰弱の著しい場合、
　少し動くと息苦しくなるような重い心臓又は肺の病気、むくみのあるような重い腎臓の病気、消化管出血、目に見える
　出血があるとき、慢性の病気の急性増悪期</t>
    <phoneticPr fontId="8"/>
  </si>
  <si>
    <t xml:space="preserve"> 特に該当なし</t>
    <rPh sb="1" eb="2">
      <t>トク</t>
    </rPh>
    <rPh sb="3" eb="5">
      <t>ガイトウ</t>
    </rPh>
    <phoneticPr fontId="8"/>
  </si>
  <si>
    <t xml:space="preserve"> きりきず、末梢循環障害、冷え性、うつ状態、皮膚乾燥症</t>
    <phoneticPr fontId="8"/>
  </si>
  <si>
    <t xml:space="preserve"> </t>
    <phoneticPr fontId="8"/>
  </si>
  <si>
    <t xml:space="preserve"> </t>
    <phoneticPr fontId="8"/>
  </si>
  <si>
    <t>等張性　中性　高温泉　　　　</t>
    <rPh sb="0" eb="1">
      <t>トウ</t>
    </rPh>
    <rPh sb="4" eb="6">
      <t>チュウセイ</t>
    </rPh>
    <phoneticPr fontId="8"/>
  </si>
  <si>
    <t>使用位置</t>
    <rPh sb="0" eb="2">
      <t>シヨウ</t>
    </rPh>
    <rPh sb="2" eb="4">
      <t>イチ</t>
    </rPh>
    <phoneticPr fontId="8"/>
  </si>
  <si>
    <t>40～42</t>
    <phoneticPr fontId="8"/>
  </si>
  <si>
    <t>mg/kg</t>
    <phoneticPr fontId="8"/>
  </si>
  <si>
    <t>mg/kg</t>
    <phoneticPr fontId="8"/>
  </si>
  <si>
    <t>mg/kg</t>
    <phoneticPr fontId="8"/>
  </si>
  <si>
    <t>赤字部分を入力してください。</t>
    <rPh sb="0" eb="2">
      <t>アカジ</t>
    </rPh>
    <rPh sb="2" eb="4">
      <t>ブブン</t>
    </rPh>
    <rPh sb="5" eb="7">
      <t>ニュウリョク</t>
    </rPh>
    <phoneticPr fontId="8"/>
  </si>
  <si>
    <t>入浴剤の使用</t>
    <rPh sb="0" eb="2">
      <t>ニュウヨク</t>
    </rPh>
    <rPh sb="2" eb="3">
      <t>ザイ</t>
    </rPh>
    <rPh sb="4" eb="6">
      <t>シヨウ</t>
    </rPh>
    <phoneticPr fontId="8"/>
  </si>
  <si>
    <t>フッ化物イオン</t>
    <rPh sb="2" eb="3">
      <t>カ</t>
    </rPh>
    <rPh sb="3" eb="4">
      <t>ブツ</t>
    </rPh>
    <phoneticPr fontId="8"/>
  </si>
  <si>
    <t>塩化物イオン</t>
    <rPh sb="0" eb="3">
      <t>エンカブツ</t>
    </rPh>
    <phoneticPr fontId="8"/>
  </si>
  <si>
    <t>臭化物イオン</t>
    <rPh sb="0" eb="2">
      <t>シュウカ</t>
    </rPh>
    <rPh sb="2" eb="3">
      <t>ブツ</t>
    </rPh>
    <phoneticPr fontId="2"/>
  </si>
  <si>
    <t>アンモニウムイオン</t>
    <phoneticPr fontId="8"/>
  </si>
  <si>
    <t>鉄（Ⅱ）イオン</t>
    <phoneticPr fontId="8"/>
  </si>
  <si>
    <t>塩化物イオン</t>
    <rPh sb="1" eb="3">
      <t>カブツ</t>
    </rPh>
    <phoneticPr fontId="8"/>
  </si>
  <si>
    <t>フッ化物イオン</t>
    <rPh sb="2" eb="4">
      <t>カブツ</t>
    </rPh>
    <phoneticPr fontId="8"/>
  </si>
  <si>
    <t>鉄（Ⅱ）イオン</t>
    <phoneticPr fontId="8"/>
  </si>
  <si>
    <t>リチウムイオン</t>
    <phoneticPr fontId="8"/>
  </si>
  <si>
    <t>ナトリウムイオン</t>
    <phoneticPr fontId="8"/>
  </si>
  <si>
    <t>カリウムイオン</t>
    <phoneticPr fontId="8"/>
  </si>
  <si>
    <t>マグネシウムイオン</t>
    <phoneticPr fontId="8"/>
  </si>
  <si>
    <t>カルシウムイオン</t>
    <phoneticPr fontId="8"/>
  </si>
  <si>
    <t>ストロンチウムイオン</t>
    <phoneticPr fontId="8"/>
  </si>
  <si>
    <t>アルミニウムイオン</t>
    <phoneticPr fontId="8"/>
  </si>
  <si>
    <t>マンガンイオン</t>
    <phoneticPr fontId="8"/>
  </si>
  <si>
    <r>
      <t>(Ｌi</t>
    </r>
    <r>
      <rPr>
        <vertAlign val="superscript"/>
        <sz val="14"/>
        <rFont val="ＭＳ Ｐ明朝"/>
        <family val="1"/>
        <charset val="128"/>
      </rPr>
      <t>+</t>
    </r>
    <r>
      <rPr>
        <sz val="14"/>
        <rFont val="ＭＳ Ｐ明朝"/>
        <family val="1"/>
        <charset val="128"/>
      </rPr>
      <t>)</t>
    </r>
    <phoneticPr fontId="8"/>
  </si>
  <si>
    <r>
      <t>(Ｎa</t>
    </r>
    <r>
      <rPr>
        <vertAlign val="superscript"/>
        <sz val="14"/>
        <rFont val="ＭＳ Ｐ明朝"/>
        <family val="1"/>
        <charset val="128"/>
      </rPr>
      <t>+</t>
    </r>
    <r>
      <rPr>
        <sz val="14"/>
        <rFont val="ＭＳ Ｐ明朝"/>
        <family val="1"/>
        <charset val="128"/>
      </rPr>
      <t>)</t>
    </r>
    <phoneticPr fontId="8"/>
  </si>
  <si>
    <r>
      <t>(Ｋ</t>
    </r>
    <r>
      <rPr>
        <vertAlign val="superscript"/>
        <sz val="14"/>
        <rFont val="ＭＳ Ｐ明朝"/>
        <family val="1"/>
        <charset val="128"/>
      </rPr>
      <t>+</t>
    </r>
    <r>
      <rPr>
        <sz val="14"/>
        <rFont val="ＭＳ Ｐ明朝"/>
        <family val="1"/>
        <charset val="128"/>
      </rPr>
      <t>)</t>
    </r>
    <phoneticPr fontId="8"/>
  </si>
  <si>
    <r>
      <t>(Ｍg</t>
    </r>
    <r>
      <rPr>
        <vertAlign val="superscript"/>
        <sz val="14"/>
        <rFont val="ＭＳ Ｐ明朝"/>
        <family val="1"/>
        <charset val="128"/>
      </rPr>
      <t>2+</t>
    </r>
    <r>
      <rPr>
        <sz val="14"/>
        <rFont val="ＭＳ Ｐ明朝"/>
        <family val="1"/>
        <charset val="128"/>
      </rPr>
      <t>)</t>
    </r>
    <phoneticPr fontId="8"/>
  </si>
  <si>
    <r>
      <t>(Ｃa</t>
    </r>
    <r>
      <rPr>
        <vertAlign val="superscript"/>
        <sz val="14"/>
        <rFont val="ＭＳ Ｐ明朝"/>
        <family val="1"/>
        <charset val="128"/>
      </rPr>
      <t>2+</t>
    </r>
    <r>
      <rPr>
        <sz val="14"/>
        <rFont val="ＭＳ Ｐ明朝"/>
        <family val="1"/>
        <charset val="128"/>
      </rPr>
      <t>)</t>
    </r>
    <phoneticPr fontId="8"/>
  </si>
  <si>
    <r>
      <t>(Ｓr</t>
    </r>
    <r>
      <rPr>
        <vertAlign val="superscript"/>
        <sz val="14"/>
        <rFont val="ＭＳ Ｐ明朝"/>
        <family val="1"/>
        <charset val="128"/>
      </rPr>
      <t>2+</t>
    </r>
    <r>
      <rPr>
        <sz val="14"/>
        <rFont val="ＭＳ Ｐ明朝"/>
        <family val="1"/>
        <charset val="128"/>
      </rPr>
      <t>)</t>
    </r>
    <phoneticPr fontId="8"/>
  </si>
  <si>
    <r>
      <t>(Ｆe</t>
    </r>
    <r>
      <rPr>
        <vertAlign val="superscript"/>
        <sz val="14"/>
        <rFont val="ＭＳ Ｐ明朝"/>
        <family val="1"/>
        <charset val="128"/>
      </rPr>
      <t>2+</t>
    </r>
    <r>
      <rPr>
        <sz val="14"/>
        <rFont val="ＭＳ Ｐ明朝"/>
        <family val="1"/>
        <charset val="128"/>
      </rPr>
      <t>)</t>
    </r>
    <phoneticPr fontId="8"/>
  </si>
  <si>
    <r>
      <t>(Ａl</t>
    </r>
    <r>
      <rPr>
        <vertAlign val="superscript"/>
        <sz val="14"/>
        <rFont val="ＭＳ Ｐ明朝"/>
        <family val="1"/>
        <charset val="128"/>
      </rPr>
      <t>3+</t>
    </r>
    <r>
      <rPr>
        <sz val="14"/>
        <rFont val="ＭＳ Ｐ明朝"/>
        <family val="1"/>
        <charset val="128"/>
      </rPr>
      <t>)</t>
    </r>
    <phoneticPr fontId="8"/>
  </si>
  <si>
    <r>
      <t>(Ｍn</t>
    </r>
    <r>
      <rPr>
        <vertAlign val="superscript"/>
        <sz val="14"/>
        <rFont val="ＭＳ Ｐ明朝"/>
        <family val="1"/>
        <charset val="128"/>
      </rPr>
      <t>2+</t>
    </r>
    <r>
      <rPr>
        <sz val="14"/>
        <rFont val="ＭＳ Ｐ明朝"/>
        <family val="1"/>
        <charset val="128"/>
      </rPr>
      <t>)</t>
    </r>
    <phoneticPr fontId="8"/>
  </si>
  <si>
    <r>
      <t>(Ｚn</t>
    </r>
    <r>
      <rPr>
        <vertAlign val="superscript"/>
        <sz val="14"/>
        <rFont val="ＭＳ Ｐ明朝"/>
        <family val="1"/>
        <charset val="128"/>
      </rPr>
      <t>2+</t>
    </r>
    <r>
      <rPr>
        <sz val="14"/>
        <rFont val="ＭＳ Ｐ明朝"/>
        <family val="1"/>
        <charset val="128"/>
      </rPr>
      <t>)</t>
    </r>
    <phoneticPr fontId="8"/>
  </si>
  <si>
    <t>硝酸イオン</t>
    <phoneticPr fontId="8"/>
  </si>
  <si>
    <t>炭酸水素イオン</t>
    <phoneticPr fontId="8"/>
  </si>
  <si>
    <t>炭酸イオン</t>
    <phoneticPr fontId="8"/>
  </si>
  <si>
    <r>
      <t>(Ｆ</t>
    </r>
    <r>
      <rPr>
        <vertAlign val="superscript"/>
        <sz val="14"/>
        <color rgb="FFFF0000"/>
        <rFont val="ＭＳ Ｐ明朝"/>
        <family val="1"/>
        <charset val="128"/>
      </rPr>
      <t>-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Ｃｌ</t>
    </r>
    <r>
      <rPr>
        <vertAlign val="superscript"/>
        <sz val="14"/>
        <color rgb="FFFF0000"/>
        <rFont val="ＭＳ Ｐ明朝"/>
        <family val="1"/>
        <charset val="128"/>
      </rPr>
      <t>-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ＳＯ</t>
    </r>
    <r>
      <rPr>
        <vertAlign val="subscript"/>
        <sz val="14"/>
        <color rgb="FFFF0000"/>
        <rFont val="ＭＳ Ｐ明朝"/>
        <family val="1"/>
        <charset val="128"/>
      </rPr>
      <t>4</t>
    </r>
    <r>
      <rPr>
        <vertAlign val="superscript"/>
        <sz val="14"/>
        <color rgb="FFFF0000"/>
        <rFont val="ＭＳ Ｐ明朝"/>
        <family val="1"/>
        <charset val="128"/>
      </rPr>
      <t>2-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ＮＯ</t>
    </r>
    <r>
      <rPr>
        <vertAlign val="subscript"/>
        <sz val="14"/>
        <color rgb="FFFF0000"/>
        <rFont val="ＭＳ Ｐ明朝"/>
        <family val="1"/>
        <charset val="128"/>
      </rPr>
      <t>3</t>
    </r>
    <r>
      <rPr>
        <vertAlign val="superscript"/>
        <sz val="14"/>
        <color rgb="FFFF0000"/>
        <rFont val="ＭＳ Ｐ明朝"/>
        <family val="1"/>
        <charset val="128"/>
      </rPr>
      <t>-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ＨＣＯ</t>
    </r>
    <r>
      <rPr>
        <vertAlign val="subscript"/>
        <sz val="14"/>
        <color rgb="FFFF0000"/>
        <rFont val="ＭＳ Ｐ明朝"/>
        <family val="1"/>
        <charset val="128"/>
      </rPr>
      <t>3</t>
    </r>
    <r>
      <rPr>
        <vertAlign val="superscript"/>
        <sz val="14"/>
        <color rgb="FFFF0000"/>
        <rFont val="ＭＳ Ｐ明朝"/>
        <family val="1"/>
        <charset val="128"/>
      </rPr>
      <t>-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ＣＯ</t>
    </r>
    <r>
      <rPr>
        <vertAlign val="subscript"/>
        <sz val="14"/>
        <color rgb="FFFF0000"/>
        <rFont val="ＭＳ Ｐ明朝"/>
        <family val="1"/>
        <charset val="128"/>
      </rPr>
      <t>3</t>
    </r>
    <r>
      <rPr>
        <vertAlign val="superscript"/>
        <sz val="14"/>
        <color rgb="FFFF0000"/>
        <rFont val="ＭＳ Ｐ明朝"/>
        <family val="1"/>
        <charset val="128"/>
      </rPr>
      <t>2-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ＨＢＯ</t>
    </r>
    <r>
      <rPr>
        <vertAlign val="subscript"/>
        <sz val="14"/>
        <color rgb="FFFF0000"/>
        <rFont val="ＭＳ Ｐ明朝"/>
        <family val="1"/>
        <charset val="128"/>
      </rPr>
      <t>2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ＣＯ</t>
    </r>
    <r>
      <rPr>
        <vertAlign val="subscript"/>
        <sz val="14"/>
        <color rgb="FFFF0000"/>
        <rFont val="ＭＳ Ｐ明朝"/>
        <family val="1"/>
        <charset val="128"/>
      </rPr>
      <t>2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Ｈ</t>
    </r>
    <r>
      <rPr>
        <vertAlign val="subscript"/>
        <sz val="14"/>
        <color rgb="FFFF0000"/>
        <rFont val="ＭＳ Ｐ明朝"/>
        <family val="1"/>
        <charset val="128"/>
      </rPr>
      <t>2</t>
    </r>
    <r>
      <rPr>
        <sz val="14"/>
        <color rgb="FFFF0000"/>
        <rFont val="ＭＳ Ｐ明朝"/>
        <family val="1"/>
        <charset val="128"/>
      </rPr>
      <t>ＳｉＯ</t>
    </r>
    <r>
      <rPr>
        <vertAlign val="subscript"/>
        <sz val="14"/>
        <color rgb="FFFF0000"/>
        <rFont val="ＭＳ Ｐ明朝"/>
        <family val="1"/>
        <charset val="128"/>
      </rPr>
      <t>3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Ｃｕ</t>
    </r>
    <r>
      <rPr>
        <vertAlign val="superscript"/>
        <sz val="14"/>
        <color rgb="FFFF0000"/>
        <rFont val="ＭＳ Ｐ明朝"/>
        <family val="1"/>
        <charset val="128"/>
      </rPr>
      <t>2+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Ｐｂ</t>
    </r>
    <r>
      <rPr>
        <vertAlign val="superscript"/>
        <sz val="14"/>
        <color rgb="FFFF0000"/>
        <rFont val="ＭＳ Ｐ明朝"/>
        <family val="1"/>
        <charset val="128"/>
      </rPr>
      <t>2+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Ｃｄ</t>
    </r>
    <r>
      <rPr>
        <vertAlign val="superscript"/>
        <sz val="14"/>
        <color rgb="FFFF0000"/>
        <rFont val="ＭＳ Ｐ明朝"/>
        <family val="1"/>
        <charset val="128"/>
      </rPr>
      <t>2+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Ｈ</t>
    </r>
    <r>
      <rPr>
        <vertAlign val="subscript"/>
        <sz val="14"/>
        <rFont val="ＭＳ Ｐ明朝"/>
        <family val="1"/>
        <charset val="128"/>
      </rPr>
      <t>2</t>
    </r>
    <r>
      <rPr>
        <sz val="14"/>
        <rFont val="ＭＳ Ｐ明朝"/>
        <family val="1"/>
        <charset val="128"/>
      </rPr>
      <t>ＳｉＯ</t>
    </r>
    <r>
      <rPr>
        <vertAlign val="subscript"/>
        <sz val="14"/>
        <rFont val="ＭＳ Ｐ明朝"/>
        <family val="1"/>
        <charset val="128"/>
      </rPr>
      <t>3</t>
    </r>
    <r>
      <rPr>
        <sz val="14"/>
        <rFont val="ＭＳ Ｐ明朝"/>
        <family val="1"/>
        <charset val="128"/>
      </rPr>
      <t>)</t>
    </r>
    <phoneticPr fontId="8"/>
  </si>
  <si>
    <r>
      <t>(ＨＢＯ</t>
    </r>
    <r>
      <rPr>
        <vertAlign val="subscript"/>
        <sz val="14"/>
        <rFont val="ＭＳ Ｐ明朝"/>
        <family val="1"/>
        <charset val="128"/>
      </rPr>
      <t>2</t>
    </r>
    <r>
      <rPr>
        <sz val="14"/>
        <rFont val="ＭＳ Ｐ明朝"/>
        <family val="1"/>
        <charset val="128"/>
      </rPr>
      <t>)</t>
    </r>
    <phoneticPr fontId="8"/>
  </si>
  <si>
    <r>
      <t>(ＣＯ</t>
    </r>
    <r>
      <rPr>
        <vertAlign val="subscript"/>
        <sz val="14"/>
        <rFont val="ＭＳ Ｐ明朝"/>
        <family val="1"/>
        <charset val="128"/>
      </rPr>
      <t>2</t>
    </r>
    <r>
      <rPr>
        <sz val="14"/>
        <rFont val="ＭＳ Ｐ明朝"/>
        <family val="1"/>
        <charset val="128"/>
      </rPr>
      <t>)</t>
    </r>
    <phoneticPr fontId="8"/>
  </si>
  <si>
    <r>
      <t>(Ｃｕ</t>
    </r>
    <r>
      <rPr>
        <vertAlign val="superscript"/>
        <sz val="14"/>
        <rFont val="ＭＳ Ｐ明朝"/>
        <family val="1"/>
        <charset val="128"/>
      </rPr>
      <t>2+</t>
    </r>
    <r>
      <rPr>
        <sz val="14"/>
        <rFont val="ＭＳ Ｐ明朝"/>
        <family val="1"/>
        <charset val="128"/>
      </rPr>
      <t>)</t>
    </r>
    <phoneticPr fontId="8"/>
  </si>
  <si>
    <r>
      <t>(Ｐｂ</t>
    </r>
    <r>
      <rPr>
        <vertAlign val="superscript"/>
        <sz val="14"/>
        <rFont val="ＭＳ Ｐ明朝"/>
        <family val="1"/>
        <charset val="128"/>
      </rPr>
      <t>2+</t>
    </r>
    <r>
      <rPr>
        <sz val="14"/>
        <rFont val="ＭＳ Ｐ明朝"/>
        <family val="1"/>
        <charset val="128"/>
      </rPr>
      <t>)</t>
    </r>
    <phoneticPr fontId="8"/>
  </si>
  <si>
    <r>
      <t>(Ｃｄ</t>
    </r>
    <r>
      <rPr>
        <vertAlign val="superscript"/>
        <sz val="14"/>
        <rFont val="ＭＳ Ｐ明朝"/>
        <family val="1"/>
        <charset val="128"/>
      </rPr>
      <t>2+</t>
    </r>
    <r>
      <rPr>
        <sz val="14"/>
        <rFont val="ＭＳ Ｐ明朝"/>
        <family val="1"/>
        <charset val="128"/>
      </rPr>
      <t>)</t>
    </r>
    <phoneticPr fontId="8"/>
  </si>
  <si>
    <r>
      <t>(Ｈ</t>
    </r>
    <r>
      <rPr>
        <vertAlign val="subscript"/>
        <sz val="14"/>
        <color rgb="FFFF0000"/>
        <rFont val="ＭＳ Ｐ明朝"/>
        <family val="1"/>
        <charset val="128"/>
      </rPr>
      <t>2</t>
    </r>
    <r>
      <rPr>
        <sz val="14"/>
        <color rgb="FFFF0000"/>
        <rFont val="ＭＳ Ｐ明朝"/>
        <family val="1"/>
        <charset val="128"/>
      </rPr>
      <t>ＳｉＯ</t>
    </r>
    <r>
      <rPr>
        <vertAlign val="subscript"/>
        <sz val="14"/>
        <color rgb="FFFF0000"/>
        <rFont val="ＭＳ Ｐ明朝"/>
        <family val="1"/>
        <charset val="128"/>
      </rPr>
      <t>3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ＨＢＯ</t>
    </r>
    <r>
      <rPr>
        <vertAlign val="subscript"/>
        <sz val="14"/>
        <color rgb="FFFF0000"/>
        <rFont val="ＭＳ Ｐ明朝"/>
        <family val="1"/>
        <charset val="128"/>
      </rPr>
      <t>2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ＣＯ</t>
    </r>
    <r>
      <rPr>
        <vertAlign val="subscript"/>
        <sz val="14"/>
        <color rgb="FFFF0000"/>
        <rFont val="ＭＳ Ｐ明朝"/>
        <family val="1"/>
        <charset val="128"/>
      </rPr>
      <t>2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Ｃｕ</t>
    </r>
    <r>
      <rPr>
        <vertAlign val="superscript"/>
        <sz val="14"/>
        <color rgb="FFFF0000"/>
        <rFont val="ＭＳ Ｐ明朝"/>
        <family val="1"/>
        <charset val="128"/>
      </rPr>
      <t>2+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Ｐｂ</t>
    </r>
    <r>
      <rPr>
        <vertAlign val="superscript"/>
        <sz val="14"/>
        <color rgb="FFFF0000"/>
        <rFont val="ＭＳ Ｐ明朝"/>
        <family val="1"/>
        <charset val="128"/>
      </rPr>
      <t>2+</t>
    </r>
    <r>
      <rPr>
        <sz val="14"/>
        <color rgb="FFFF0000"/>
        <rFont val="ＭＳ Ｐ明朝"/>
        <family val="1"/>
        <charset val="128"/>
      </rPr>
      <t>)</t>
    </r>
    <phoneticPr fontId="8"/>
  </si>
  <si>
    <r>
      <t>(Ｃｄ</t>
    </r>
    <r>
      <rPr>
        <vertAlign val="superscript"/>
        <sz val="14"/>
        <color rgb="FFFF0000"/>
        <rFont val="ＭＳ Ｐ明朝"/>
        <family val="1"/>
        <charset val="128"/>
      </rPr>
      <t>2+</t>
    </r>
    <r>
      <rPr>
        <sz val="14"/>
        <color rgb="FFFF0000"/>
        <rFont val="ＭＳ Ｐ明朝"/>
        <family val="1"/>
        <charset val="128"/>
      </rPr>
      <t>)</t>
    </r>
    <phoneticPr fontId="8"/>
  </si>
  <si>
    <t>行っています（理由：入浴に適した温度に保つため）</t>
    <rPh sb="7" eb="9">
      <t>リユウ</t>
    </rPh>
    <rPh sb="10" eb="12">
      <t>ニュウヨク</t>
    </rPh>
    <rPh sb="13" eb="14">
      <t>テキ</t>
    </rPh>
    <rPh sb="16" eb="18">
      <t>オンド</t>
    </rPh>
    <rPh sb="19" eb="20">
      <t>タモ</t>
    </rPh>
    <phoneticPr fontId="8"/>
  </si>
  <si>
    <t>行っています（理由：入浴に適した温度にするため）</t>
    <phoneticPr fontId="8"/>
  </si>
  <si>
    <t>行っていません</t>
    <rPh sb="0" eb="1">
      <t>オコナ</t>
    </rPh>
    <phoneticPr fontId="8"/>
  </si>
  <si>
    <r>
      <t>(NH</t>
    </r>
    <r>
      <rPr>
        <vertAlign val="subscript"/>
        <sz val="14"/>
        <rFont val="ＭＳ Ｐ明朝"/>
        <family val="1"/>
        <charset val="128"/>
      </rPr>
      <t>4</t>
    </r>
    <r>
      <rPr>
        <vertAlign val="superscript"/>
        <sz val="14"/>
        <rFont val="ＭＳ Ｐ明朝"/>
        <family val="1"/>
        <charset val="128"/>
      </rPr>
      <t>+</t>
    </r>
    <r>
      <rPr>
        <sz val="14"/>
        <rFont val="ＭＳ Ｐ明朝"/>
        <family val="1"/>
        <charset val="128"/>
      </rPr>
      <t>)</t>
    </r>
    <phoneticPr fontId="8"/>
  </si>
  <si>
    <t>循環装置等の使用</t>
    <rPh sb="0" eb="2">
      <t>ジュンカン</t>
    </rPh>
    <rPh sb="2" eb="4">
      <t>ソウチ</t>
    </rPh>
    <rPh sb="4" eb="5">
      <t>トウ</t>
    </rPh>
    <rPh sb="6" eb="8">
      <t>シヨウ</t>
    </rPh>
    <phoneticPr fontId="8"/>
  </si>
  <si>
    <t>メタホウ酸イオン</t>
    <phoneticPr fontId="8"/>
  </si>
  <si>
    <t>メタケイ酸イオン</t>
    <phoneticPr fontId="8"/>
  </si>
  <si>
    <t>メタホウ酸イオン</t>
    <phoneticPr fontId="8"/>
  </si>
  <si>
    <t>メタケイ酸</t>
    <phoneticPr fontId="8"/>
  </si>
  <si>
    <t>メタホウ酸</t>
    <phoneticPr fontId="8"/>
  </si>
  <si>
    <t>メタケイ酸イオン</t>
    <phoneticPr fontId="8"/>
  </si>
  <si>
    <t>メタケイ酸</t>
    <phoneticPr fontId="8"/>
  </si>
  <si>
    <t>メタホウ酸</t>
    <phoneticPr fontId="8"/>
  </si>
  <si>
    <t>行っています（理由：衛生管理のため循環ろ過装置を使用しています）</t>
    <rPh sb="0" eb="1">
      <t>オコナ</t>
    </rPh>
    <rPh sb="7" eb="9">
      <t>リユウ</t>
    </rPh>
    <rPh sb="10" eb="12">
      <t>エイセイ</t>
    </rPh>
    <rPh sb="12" eb="14">
      <t>カンリ</t>
    </rPh>
    <rPh sb="17" eb="19">
      <t>ジュンカン</t>
    </rPh>
    <rPh sb="20" eb="21">
      <t>カ</t>
    </rPh>
    <rPh sb="21" eb="23">
      <t>ソウチ</t>
    </rPh>
    <rPh sb="24" eb="26">
      <t>シヨウ</t>
    </rPh>
    <phoneticPr fontId="8"/>
  </si>
  <si>
    <t>　　　０．０００</t>
    <phoneticPr fontId="8"/>
  </si>
  <si>
    <t>　　　０．０２０</t>
    <phoneticPr fontId="8"/>
  </si>
  <si>
    <t>　　７７６．</t>
    <phoneticPr fontId="8"/>
  </si>
  <si>
    <t>　１２５６．</t>
    <phoneticPr fontId="8"/>
  </si>
  <si>
    <t>　　　０．０２</t>
    <phoneticPr fontId="8"/>
  </si>
  <si>
    <t>令和 ７年 ４月 ８日</t>
    <rPh sb="0" eb="2">
      <t>レイワ</t>
    </rPh>
    <rPh sb="4" eb="5">
      <t>ネン</t>
    </rPh>
    <rPh sb="7" eb="8">
      <t>ツキ</t>
    </rPh>
    <rPh sb="10" eb="11">
      <t>ヒ</t>
    </rPh>
    <phoneticPr fontId="8"/>
  </si>
  <si>
    <t>無色澄明無味無臭</t>
    <rPh sb="2" eb="3">
      <t>ス</t>
    </rPh>
    <rPh sb="3" eb="4">
      <t>メイ</t>
    </rPh>
    <rPh sb="4" eb="5">
      <t>ム</t>
    </rPh>
    <rPh sb="5" eb="6">
      <t>ミ</t>
    </rPh>
    <phoneticPr fontId="8"/>
  </si>
  <si>
    <t xml:space="preserve"> ３．　禁忌症、適応症決定年月日　　　　令和　　　　年　　　　月　　　　日</t>
    <rPh sb="20" eb="21">
      <t>レイ</t>
    </rPh>
    <rPh sb="21" eb="22">
      <t>ワ</t>
    </rPh>
    <phoneticPr fontId="8"/>
  </si>
  <si>
    <r>
      <t xml:space="preserve"> ４．　決定者　　　　　　　　　　　　　　　　　</t>
    </r>
    <r>
      <rPr>
        <b/>
        <sz val="18"/>
        <rFont val="ＭＳ Ｐ明朝"/>
        <family val="1"/>
        <charset val="128"/>
      </rPr>
      <t>神奈川県小田原保健福祉事務所長</t>
    </r>
    <rPh sb="28" eb="31">
      <t>オダワラ</t>
    </rPh>
    <rPh sb="31" eb="33">
      <t>ホケン</t>
    </rPh>
    <rPh sb="33" eb="35">
      <t>フクシ</t>
    </rPh>
    <rPh sb="35" eb="37">
      <t>ジム</t>
    </rPh>
    <rPh sb="37" eb="39">
      <t>ショチョウ</t>
    </rPh>
    <phoneticPr fontId="2"/>
  </si>
  <si>
    <r>
      <t xml:space="preserve"> ４．　決定者　　　　　　　　　　　　　　　　</t>
    </r>
    <r>
      <rPr>
        <b/>
        <sz val="18"/>
        <rFont val="ＭＳ Ｐ明朝"/>
        <family val="1"/>
        <charset val="128"/>
      </rPr>
      <t>神奈川県小田原保健福祉事務所長</t>
    </r>
    <rPh sb="27" eb="30">
      <t>オダワラ</t>
    </rPh>
    <rPh sb="30" eb="32">
      <t>ホケン</t>
    </rPh>
    <rPh sb="32" eb="34">
      <t>フクシ</t>
    </rPh>
    <rPh sb="34" eb="36">
      <t>ジム</t>
    </rPh>
    <rPh sb="36" eb="38">
      <t>ショチョウ</t>
    </rPh>
    <phoneticPr fontId="2"/>
  </si>
  <si>
    <t xml:space="preserve"> １．　禁忌症及び適応症</t>
    <rPh sb="7" eb="8">
      <t>オヨ</t>
    </rPh>
    <rPh sb="9" eb="12">
      <t>テキオウショウ</t>
    </rPh>
    <phoneticPr fontId="8"/>
  </si>
  <si>
    <t xml:space="preserve"> ２．　浴用の方法及び注意</t>
    <rPh sb="4" eb="6">
      <t>ヨクヨウ</t>
    </rPh>
    <phoneticPr fontId="8"/>
  </si>
  <si>
    <t xml:space="preserve"> ２．　浴用の方法及び注意</t>
    <phoneticPr fontId="8"/>
  </si>
  <si>
    <t>　　　 温泉の浴用は、以下の事項を守って行う必要がある。
 ア． 入浴前の注意
  （ア）食事の直前、直後及び飲酒後の入浴は避けること。酩酊状態での入浴は特に避けること。
  （イ）過度の疲労時には身体を休めること。
  （ウ）運動後30分程度の間は身体を休めること。
  （エ）高齢者、子供及び身体の不自由な人は、１人での入浴は避けることが望ましいこと。
  （オ）浴槽に入る前に、手足から掛け湯をして温度に慣らすとともに、身体を洗い流すこと。
  （カ）入浴時、特に起床直後の入浴時などは脱水症状等にならないよう、あらかじめコップ一杯程度の水分を補給しておくこと。
 イ．入浴方法
  （ア）入浴温度
　　　 高齢者、高血圧症若しくは心臓病の人又は脳卒中を経験した人は、42℃以上の高温浴は避けること。
  （イ）入浴形態
　　　 心肺機能の低下している人は、全身浴よりも半身浴又は部分浴が望ましいこと。
  （ウ）入浴回数
　　　 入浴開始後数日間は、１日当たり１～２回とし、慣れてきたら２～３回まで増やしてもよいこと。
  （エ）入浴時間
　　　 入浴温度により異なるが、１回当たり、初めは３～10 分程度とし、慣れてきたら15～20分程度まで延長してもよいこと。
 ウ． 入浴中の注意
  （ア）運動浴を除き、一般に手足を軽く動かす程度にして静かに入浴すること。
  （イ）浴槽から出る時は、立ちくらみを起こさないようにゆっくり出ること。
  （ウ）めまいが生じ、又は気分が不良となった時は、近くの人に助けを求めつつ、浴槽から頭を低い位置に保ってゆっくり出て、
　　　  横になって回復を待つこと。
 エ． 入浴後の注意
  （ア）身体に付着した温泉成分を温水で洗い流さず、タオルで水分を拭き取り、着衣の上、保温及び30分程度の安静を心がける
　　　  こと（ただし、肌の弱い人は、刺激の強い泉質(例えば酸性泉や硫黄泉等)や必要に応じて塩素消毒等が行われている場合
　　　  には、温泉成分等を温水で洗い流した方がよいこと。）。
  （イ）脱水症状等を避けるため、コップ一杯程度の水分を補給すること。
 オ．湯あたり
　　　  温泉療養開始後おおむね３日～１週間前後に、気分不快、不眠若しくは消化器症状等の湯あたり症状又は皮膚炎などが
　　　  現れることがある。このような状態が現れている間は、入浴を中止するか、又は回数を減らし、このような状態からの回復を
　　　  待つこと。
 カ．その他
　　　  浴槽水の清潔を保つため、浴槽にタオルは入れないこと。</t>
    <rPh sb="4" eb="6">
      <t>オンセン</t>
    </rPh>
    <rPh sb="7" eb="9">
      <t>ヨクヨウ</t>
    </rPh>
    <rPh sb="11" eb="13">
      <t>イカ</t>
    </rPh>
    <rPh sb="14" eb="16">
      <t>ジコウ</t>
    </rPh>
    <rPh sb="17" eb="18">
      <t>マモ</t>
    </rPh>
    <rPh sb="20" eb="21">
      <t>オコナ</t>
    </rPh>
    <rPh sb="22" eb="24">
      <t>ヒツヨウ</t>
    </rPh>
    <rPh sb="670" eb="671">
      <t>ヒク</t>
    </rPh>
    <rPh sb="672" eb="674">
      <t>イチ</t>
    </rPh>
    <rPh sb="675" eb="676">
      <t>タモ</t>
    </rPh>
    <rPh sb="850" eb="851">
      <t>トウ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6" formatCode="&quot;¥&quot;#,##0;[Red]&quot;¥&quot;\-#,##0"/>
  </numFmts>
  <fonts count="32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Ｐ明朝"/>
      <family val="1"/>
      <charset val="128"/>
    </font>
    <font>
      <vertAlign val="subscript"/>
      <sz val="14"/>
      <name val="ＭＳ Ｐ明朝"/>
      <family val="1"/>
      <charset val="128"/>
    </font>
    <font>
      <vertAlign val="superscript"/>
      <sz val="14"/>
      <name val="ＭＳ Ｐ明朝"/>
      <family val="1"/>
      <charset val="128"/>
    </font>
    <font>
      <b/>
      <sz val="20"/>
      <name val="ＭＳ Ｐ明朝"/>
      <family val="1"/>
      <charset val="128"/>
    </font>
    <font>
      <b/>
      <sz val="38"/>
      <name val="HG正楷書体-PRO"/>
      <family val="4"/>
      <charset val="128"/>
    </font>
    <font>
      <sz val="6"/>
      <name val="ＭＳ 明朝"/>
      <family val="2"/>
      <charset val="128"/>
    </font>
    <font>
      <b/>
      <sz val="16"/>
      <name val="ＭＳ Ｐ明朝"/>
      <family val="1"/>
      <charset val="128"/>
    </font>
    <font>
      <b/>
      <sz val="16"/>
      <color theme="1"/>
      <name val="ＭＳ 明朝"/>
      <family val="2"/>
      <charset val="128"/>
    </font>
    <font>
      <sz val="16"/>
      <name val="ＭＳ Ｐ明朝"/>
      <family val="1"/>
      <charset val="128"/>
    </font>
    <font>
      <sz val="16"/>
      <name val="ＭＳ Ｐゴシック"/>
      <family val="3"/>
      <charset val="128"/>
    </font>
    <font>
      <sz val="16"/>
      <color theme="1"/>
      <name val="ＭＳ 明朝"/>
      <family val="2"/>
      <charset val="128"/>
    </font>
    <font>
      <b/>
      <sz val="18"/>
      <name val="ＭＳ Ｐ明朝"/>
      <family val="1"/>
      <charset val="128"/>
    </font>
    <font>
      <b/>
      <sz val="16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4"/>
      <color theme="1"/>
      <name val="ＭＳ 明朝"/>
      <family val="2"/>
      <charset val="128"/>
    </font>
    <font>
      <b/>
      <u val="double"/>
      <sz val="18"/>
      <name val="ＭＳ Ｐ明朝"/>
      <family val="1"/>
      <charset val="128"/>
    </font>
    <font>
      <b/>
      <sz val="14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6"/>
      <color rgb="FFFF0000"/>
      <name val="ＭＳ Ｐ明朝"/>
      <family val="1"/>
      <charset val="128"/>
    </font>
    <font>
      <sz val="16"/>
      <color rgb="FFFF0000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4"/>
      <color rgb="FFFF0000"/>
      <name val="ＭＳ Ｐ明朝"/>
      <family val="1"/>
      <charset val="128"/>
    </font>
    <font>
      <sz val="16"/>
      <color rgb="FFFF0000"/>
      <name val="ＭＳ 明朝"/>
      <family val="2"/>
      <charset val="128"/>
    </font>
    <font>
      <sz val="14"/>
      <color rgb="FFFF0000"/>
      <name val="ＭＳ 明朝"/>
      <family val="1"/>
      <charset val="128"/>
    </font>
    <font>
      <vertAlign val="superscript"/>
      <sz val="14"/>
      <color rgb="FFFF0000"/>
      <name val="ＭＳ Ｐ明朝"/>
      <family val="1"/>
      <charset val="128"/>
    </font>
    <font>
      <vertAlign val="subscript"/>
      <sz val="14"/>
      <color rgb="FFFF0000"/>
      <name val="ＭＳ Ｐ明朝"/>
      <family val="1"/>
      <charset val="128"/>
    </font>
    <font>
      <sz val="16"/>
      <color theme="1"/>
      <name val="ＭＳ Ｐ明朝"/>
      <family val="1"/>
      <charset val="128"/>
    </font>
    <font>
      <b/>
      <sz val="16"/>
      <color theme="1"/>
      <name val="ＭＳ Ｐ明朝"/>
      <family val="1"/>
      <charset val="128"/>
    </font>
    <font>
      <sz val="12"/>
      <color rgb="FFFF000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7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double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double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 style="double">
        <color indexed="64"/>
      </left>
      <right/>
      <top/>
      <bottom/>
      <diagonal/>
    </border>
    <border>
      <left/>
      <right style="double">
        <color indexed="64"/>
      </right>
      <top/>
      <bottom/>
      <diagonal/>
    </border>
    <border>
      <left/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double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/>
      <diagonal/>
    </border>
    <border>
      <left/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/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auto="1"/>
      </top>
      <bottom/>
      <diagonal/>
    </border>
    <border>
      <left style="double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double">
        <color indexed="64"/>
      </right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0" fontId="1" fillId="0" borderId="0"/>
    <xf numFmtId="6" fontId="16" fillId="0" borderId="0" applyFont="0" applyFill="0" applyBorder="0" applyAlignment="0" applyProtection="0">
      <alignment vertical="center"/>
    </xf>
  </cellStyleXfs>
  <cellXfs count="174">
    <xf numFmtId="0" fontId="0" fillId="0" borderId="0" xfId="0">
      <alignment vertical="center"/>
    </xf>
    <xf numFmtId="0" fontId="3" fillId="0" borderId="0" xfId="1" applyFont="1" applyFill="1" applyBorder="1"/>
    <xf numFmtId="0" fontId="0" fillId="0" borderId="0" xfId="0" applyFill="1">
      <alignment vertical="center"/>
    </xf>
    <xf numFmtId="0" fontId="0" fillId="0" borderId="0" xfId="0" applyFill="1" applyBorder="1">
      <alignment vertical="center"/>
    </xf>
    <xf numFmtId="0" fontId="11" fillId="0" borderId="0" xfId="1" applyFont="1" applyFill="1" applyBorder="1"/>
    <xf numFmtId="0" fontId="17" fillId="0" borderId="0" xfId="0" applyFont="1">
      <alignment vertical="center"/>
    </xf>
    <xf numFmtId="0" fontId="17" fillId="0" borderId="0" xfId="0" applyFont="1" applyBorder="1">
      <alignment vertical="center"/>
    </xf>
    <xf numFmtId="0" fontId="11" fillId="2" borderId="6" xfId="1" applyFont="1" applyFill="1" applyBorder="1" applyAlignment="1">
      <alignment vertical="center" wrapText="1"/>
    </xf>
    <xf numFmtId="0" fontId="11" fillId="2" borderId="7" xfId="1" applyFont="1" applyFill="1" applyBorder="1" applyAlignment="1">
      <alignment vertical="center" wrapText="1"/>
    </xf>
    <xf numFmtId="0" fontId="11" fillId="2" borderId="21" xfId="1" applyFont="1" applyFill="1" applyBorder="1" applyAlignment="1">
      <alignment vertical="center" wrapText="1"/>
    </xf>
    <xf numFmtId="0" fontId="11" fillId="2" borderId="8" xfId="1" applyFont="1" applyFill="1" applyBorder="1" applyAlignment="1"/>
    <xf numFmtId="0" fontId="11" fillId="2" borderId="0" xfId="1" applyFont="1" applyFill="1" applyBorder="1" applyAlignment="1">
      <alignment vertical="center" wrapText="1"/>
    </xf>
    <xf numFmtId="0" fontId="11" fillId="2" borderId="0" xfId="1" applyFont="1" applyFill="1" applyBorder="1" applyAlignment="1">
      <alignment vertical="center"/>
    </xf>
    <xf numFmtId="0" fontId="11" fillId="2" borderId="19" xfId="1" applyFont="1" applyFill="1" applyBorder="1" applyAlignment="1">
      <alignment vertical="center" wrapText="1"/>
    </xf>
    <xf numFmtId="0" fontId="0" fillId="2" borderId="0" xfId="0" applyFill="1">
      <alignment vertical="center"/>
    </xf>
    <xf numFmtId="0" fontId="11" fillId="2" borderId="1" xfId="1" applyFont="1" applyFill="1" applyBorder="1" applyAlignment="1">
      <alignment vertical="center" wrapText="1"/>
    </xf>
    <xf numFmtId="0" fontId="11" fillId="2" borderId="9" xfId="1" applyFont="1" applyFill="1" applyBorder="1" applyAlignment="1">
      <alignment vertical="center" wrapText="1"/>
    </xf>
    <xf numFmtId="0" fontId="11" fillId="2" borderId="0" xfId="1" applyFont="1" applyFill="1" applyBorder="1" applyAlignment="1"/>
    <xf numFmtId="0" fontId="11" fillId="2" borderId="19" xfId="1" applyFont="1" applyFill="1" applyBorder="1" applyAlignment="1"/>
    <xf numFmtId="0" fontId="11" fillId="2" borderId="8" xfId="1" applyFont="1" applyFill="1" applyBorder="1" applyAlignment="1">
      <alignment vertical="center" wrapText="1"/>
    </xf>
    <xf numFmtId="0" fontId="13" fillId="2" borderId="0" xfId="0" applyFont="1" applyFill="1" applyBorder="1">
      <alignment vertical="center"/>
    </xf>
    <xf numFmtId="0" fontId="0" fillId="2" borderId="0" xfId="0" applyFill="1" applyBorder="1">
      <alignment vertical="center"/>
    </xf>
    <xf numFmtId="0" fontId="0" fillId="2" borderId="19" xfId="0" applyFill="1" applyBorder="1">
      <alignment vertical="center"/>
    </xf>
    <xf numFmtId="0" fontId="0" fillId="2" borderId="8" xfId="0" applyFill="1" applyBorder="1">
      <alignment vertical="center"/>
    </xf>
    <xf numFmtId="0" fontId="9" fillId="2" borderId="1" xfId="1" applyFont="1" applyFill="1" applyBorder="1" applyAlignment="1">
      <alignment vertical="center"/>
    </xf>
    <xf numFmtId="0" fontId="0" fillId="2" borderId="9" xfId="0" applyFill="1" applyBorder="1" applyAlignment="1">
      <alignment vertical="center"/>
    </xf>
    <xf numFmtId="0" fontId="9" fillId="2" borderId="8" xfId="1" applyFont="1" applyFill="1" applyBorder="1" applyAlignment="1"/>
    <xf numFmtId="0" fontId="9" fillId="2" borderId="8" xfId="1" applyFont="1" applyFill="1" applyBorder="1" applyAlignment="1">
      <alignment horizontal="left" vertical="center"/>
    </xf>
    <xf numFmtId="0" fontId="11" fillId="2" borderId="19" xfId="1" applyFont="1" applyFill="1" applyBorder="1" applyAlignment="1">
      <alignment horizontal="left" vertical="center"/>
    </xf>
    <xf numFmtId="0" fontId="13" fillId="2" borderId="19" xfId="0" applyFont="1" applyFill="1" applyBorder="1" applyAlignment="1">
      <alignment vertical="center"/>
    </xf>
    <xf numFmtId="0" fontId="11" fillId="2" borderId="19" xfId="1" applyFont="1" applyFill="1" applyBorder="1"/>
    <xf numFmtId="0" fontId="11" fillId="2" borderId="0" xfId="1" applyFont="1" applyFill="1" applyBorder="1" applyAlignment="1">
      <alignment vertical="top" wrapText="1"/>
    </xf>
    <xf numFmtId="0" fontId="3" fillId="2" borderId="0" xfId="1" applyFont="1" applyFill="1" applyBorder="1" applyAlignment="1">
      <alignment horizontal="center"/>
    </xf>
    <xf numFmtId="0" fontId="9" fillId="2" borderId="1" xfId="1" applyFont="1" applyFill="1" applyBorder="1" applyAlignment="1">
      <alignment vertical="top"/>
    </xf>
    <xf numFmtId="0" fontId="11" fillId="2" borderId="9" xfId="1" applyFont="1" applyFill="1" applyBorder="1" applyAlignment="1">
      <alignment vertical="center"/>
    </xf>
    <xf numFmtId="0" fontId="11" fillId="2" borderId="8" xfId="1" applyFont="1" applyFill="1" applyBorder="1"/>
    <xf numFmtId="6" fontId="3" fillId="2" borderId="0" xfId="2" applyFont="1" applyFill="1" applyBorder="1" applyAlignment="1"/>
    <xf numFmtId="0" fontId="11" fillId="2" borderId="0" xfId="1" applyFont="1" applyFill="1" applyBorder="1"/>
    <xf numFmtId="0" fontId="3" fillId="2" borderId="23" xfId="1" applyFont="1" applyFill="1" applyBorder="1" applyAlignment="1">
      <alignment horizontal="center"/>
    </xf>
    <xf numFmtId="0" fontId="3" fillId="2" borderId="14" xfId="1" applyFont="1" applyFill="1" applyBorder="1" applyAlignment="1">
      <alignment horizontal="center"/>
    </xf>
    <xf numFmtId="0" fontId="3" fillId="2" borderId="0" xfId="1" applyFont="1" applyFill="1" applyBorder="1"/>
    <xf numFmtId="0" fontId="3" fillId="2" borderId="1" xfId="1" applyFont="1" applyFill="1" applyBorder="1"/>
    <xf numFmtId="49" fontId="11" fillId="2" borderId="0" xfId="1" applyNumberFormat="1" applyFont="1" applyFill="1" applyBorder="1"/>
    <xf numFmtId="49" fontId="3" fillId="2" borderId="0" xfId="1" applyNumberFormat="1" applyFont="1" applyFill="1" applyBorder="1"/>
    <xf numFmtId="0" fontId="3" fillId="2" borderId="29" xfId="1" applyFont="1" applyFill="1" applyBorder="1"/>
    <xf numFmtId="49" fontId="11" fillId="2" borderId="8" xfId="1" applyNumberFormat="1" applyFont="1" applyFill="1" applyBorder="1" applyAlignment="1"/>
    <xf numFmtId="49" fontId="9" fillId="2" borderId="8" xfId="1" applyNumberFormat="1" applyFont="1" applyFill="1" applyBorder="1" applyAlignment="1"/>
    <xf numFmtId="0" fontId="12" fillId="2" borderId="0" xfId="1" applyFont="1" applyFill="1" applyBorder="1" applyAlignment="1">
      <alignment horizontal="center"/>
    </xf>
    <xf numFmtId="0" fontId="12" fillId="2" borderId="0" xfId="1" applyFont="1" applyFill="1" applyBorder="1" applyAlignment="1"/>
    <xf numFmtId="0" fontId="13" fillId="2" borderId="8" xfId="0" applyFont="1" applyFill="1" applyBorder="1">
      <alignment vertical="center"/>
    </xf>
    <xf numFmtId="0" fontId="18" fillId="2" borderId="0" xfId="1" applyFont="1" applyFill="1" applyBorder="1" applyAlignment="1">
      <alignment vertical="center"/>
    </xf>
    <xf numFmtId="0" fontId="13" fillId="2" borderId="19" xfId="0" applyFont="1" applyFill="1" applyBorder="1">
      <alignment vertical="center"/>
    </xf>
    <xf numFmtId="58" fontId="9" fillId="2" borderId="0" xfId="1" applyNumberFormat="1" applyFont="1" applyFill="1" applyBorder="1" applyAlignment="1">
      <alignment horizontal="left"/>
    </xf>
    <xf numFmtId="0" fontId="19" fillId="2" borderId="0" xfId="0" applyFont="1" applyFill="1" applyBorder="1" applyAlignment="1">
      <alignment vertical="center"/>
    </xf>
    <xf numFmtId="0" fontId="9" fillId="2" borderId="0" xfId="1" applyFont="1" applyFill="1" applyBorder="1"/>
    <xf numFmtId="0" fontId="9" fillId="2" borderId="0" xfId="1" applyFont="1" applyFill="1" applyBorder="1" applyAlignment="1">
      <alignment horizontal="left"/>
    </xf>
    <xf numFmtId="0" fontId="11" fillId="2" borderId="0" xfId="1" applyFont="1" applyFill="1" applyBorder="1" applyAlignment="1">
      <alignment horizontal="left"/>
    </xf>
    <xf numFmtId="0" fontId="20" fillId="2" borderId="0" xfId="0" applyFont="1" applyFill="1" applyBorder="1" applyAlignment="1">
      <alignment vertical="center"/>
    </xf>
    <xf numFmtId="0" fontId="20" fillId="2" borderId="0" xfId="0" applyFont="1" applyFill="1" applyBorder="1" applyAlignment="1">
      <alignment horizontal="center" vertical="center"/>
    </xf>
    <xf numFmtId="0" fontId="13" fillId="2" borderId="11" xfId="0" applyFont="1" applyFill="1" applyBorder="1">
      <alignment vertical="center"/>
    </xf>
    <xf numFmtId="0" fontId="13" fillId="2" borderId="12" xfId="0" applyFont="1" applyFill="1" applyBorder="1">
      <alignment vertical="center"/>
    </xf>
    <xf numFmtId="0" fontId="13" fillId="2" borderId="20" xfId="0" applyFont="1" applyFill="1" applyBorder="1">
      <alignment vertical="center"/>
    </xf>
    <xf numFmtId="0" fontId="10" fillId="2" borderId="12" xfId="0" applyFont="1" applyFill="1" applyBorder="1">
      <alignment vertical="center"/>
    </xf>
    <xf numFmtId="0" fontId="10" fillId="2" borderId="13" xfId="0" applyFont="1" applyFill="1" applyBorder="1">
      <alignment vertical="center"/>
    </xf>
    <xf numFmtId="0" fontId="15" fillId="2" borderId="0" xfId="1" applyFont="1" applyFill="1" applyBorder="1" applyAlignment="1"/>
    <xf numFmtId="0" fontId="0" fillId="2" borderId="36" xfId="0" applyFill="1" applyBorder="1">
      <alignment vertical="center"/>
    </xf>
    <xf numFmtId="0" fontId="0" fillId="2" borderId="34" xfId="0" applyFill="1" applyBorder="1">
      <alignment vertical="center"/>
    </xf>
    <xf numFmtId="0" fontId="11" fillId="2" borderId="35" xfId="1" applyFont="1" applyFill="1" applyBorder="1"/>
    <xf numFmtId="0" fontId="19" fillId="2" borderId="31" xfId="0" applyFont="1" applyFill="1" applyBorder="1" applyAlignment="1">
      <alignment horizontal="center" vertical="center" wrapText="1"/>
    </xf>
    <xf numFmtId="0" fontId="20" fillId="2" borderId="31" xfId="0" applyFont="1" applyFill="1" applyBorder="1" applyAlignment="1">
      <alignment horizontal="center" vertical="center"/>
    </xf>
    <xf numFmtId="0" fontId="9" fillId="2" borderId="0" xfId="1" applyFont="1" applyFill="1" applyBorder="1" applyAlignment="1">
      <alignment vertical="center"/>
    </xf>
    <xf numFmtId="0" fontId="9" fillId="2" borderId="0" xfId="1" applyFont="1" applyFill="1" applyBorder="1" applyAlignment="1">
      <alignment horizontal="center" vertical="center"/>
    </xf>
    <xf numFmtId="0" fontId="21" fillId="2" borderId="0" xfId="1" applyFont="1" applyFill="1" applyBorder="1" applyAlignment="1">
      <alignment vertical="center"/>
    </xf>
    <xf numFmtId="0" fontId="21" fillId="2" borderId="0" xfId="1" applyFont="1" applyFill="1" applyBorder="1" applyAlignment="1"/>
    <xf numFmtId="0" fontId="23" fillId="2" borderId="0" xfId="0" applyFont="1" applyFill="1" applyBorder="1">
      <alignment vertical="center"/>
    </xf>
    <xf numFmtId="49" fontId="24" fillId="2" borderId="28" xfId="1" applyNumberFormat="1" applyFont="1" applyFill="1" applyBorder="1"/>
    <xf numFmtId="6" fontId="24" fillId="2" borderId="19" xfId="2" applyFont="1" applyFill="1" applyBorder="1" applyAlignment="1"/>
    <xf numFmtId="49" fontId="24" fillId="2" borderId="2" xfId="1" applyNumberFormat="1" applyFont="1" applyFill="1" applyBorder="1"/>
    <xf numFmtId="49" fontId="24" fillId="2" borderId="14" xfId="1" applyNumberFormat="1" applyFont="1" applyFill="1" applyBorder="1"/>
    <xf numFmtId="0" fontId="11" fillId="2" borderId="0" xfId="1" applyFont="1" applyFill="1" applyBorder="1" applyAlignment="1">
      <alignment horizontal="left" vertical="center"/>
    </xf>
    <xf numFmtId="0" fontId="9" fillId="2" borderId="0" xfId="1" applyFont="1" applyFill="1" applyBorder="1" applyAlignment="1"/>
    <xf numFmtId="0" fontId="11" fillId="2" borderId="0" xfId="1" applyFont="1" applyFill="1" applyBorder="1" applyAlignment="1">
      <alignment horizontal="left" vertical="center"/>
    </xf>
    <xf numFmtId="0" fontId="24" fillId="2" borderId="1" xfId="1" applyFont="1" applyFill="1" applyBorder="1" applyAlignment="1">
      <alignment horizontal="left" shrinkToFit="1"/>
    </xf>
    <xf numFmtId="0" fontId="24" fillId="2" borderId="0" xfId="1" applyFont="1" applyFill="1" applyBorder="1"/>
    <xf numFmtId="0" fontId="24" fillId="2" borderId="1" xfId="1" applyFont="1" applyFill="1" applyBorder="1" applyAlignment="1">
      <alignment shrinkToFit="1"/>
    </xf>
    <xf numFmtId="0" fontId="24" fillId="2" borderId="1" xfId="1" applyFont="1" applyFill="1" applyBorder="1"/>
    <xf numFmtId="0" fontId="24" fillId="2" borderId="1" xfId="1" applyFont="1" applyFill="1" applyBorder="1" applyAlignment="1">
      <alignment horizontal="left"/>
    </xf>
    <xf numFmtId="0" fontId="24" fillId="2" borderId="18" xfId="1" applyFont="1" applyFill="1" applyBorder="1"/>
    <xf numFmtId="0" fontId="24" fillId="2" borderId="15" xfId="1" applyFont="1" applyFill="1" applyBorder="1"/>
    <xf numFmtId="0" fontId="3" fillId="2" borderId="16" xfId="1" applyFont="1" applyFill="1" applyBorder="1" applyAlignment="1">
      <alignment horizontal="center"/>
    </xf>
    <xf numFmtId="0" fontId="3" fillId="2" borderId="17" xfId="1" applyFont="1" applyFill="1" applyBorder="1" applyAlignment="1">
      <alignment horizontal="center"/>
    </xf>
    <xf numFmtId="0" fontId="9" fillId="2" borderId="0" xfId="1" applyFont="1" applyFill="1" applyBorder="1" applyAlignment="1"/>
    <xf numFmtId="0" fontId="11" fillId="2" borderId="0" xfId="1" applyFont="1" applyFill="1" applyBorder="1" applyAlignment="1">
      <alignment horizontal="left" vertical="center"/>
    </xf>
    <xf numFmtId="0" fontId="20" fillId="2" borderId="31" xfId="0" applyFont="1" applyFill="1" applyBorder="1" applyAlignment="1">
      <alignment horizontal="center" vertical="center"/>
    </xf>
    <xf numFmtId="0" fontId="30" fillId="2" borderId="8" xfId="0" applyFont="1" applyFill="1" applyBorder="1">
      <alignment vertical="center"/>
    </xf>
    <xf numFmtId="0" fontId="13" fillId="2" borderId="0" xfId="0" applyFont="1" applyFill="1" applyAlignment="1">
      <alignment horizontal="left" vertical="center"/>
    </xf>
    <xf numFmtId="0" fontId="25" fillId="2" borderId="0" xfId="0" applyFont="1" applyFill="1" applyAlignment="1">
      <alignment horizontal="left" vertical="center"/>
    </xf>
    <xf numFmtId="49" fontId="22" fillId="2" borderId="0" xfId="0" applyNumberFormat="1" applyFont="1" applyFill="1" applyAlignment="1">
      <alignment horizontal="left" vertical="center"/>
    </xf>
    <xf numFmtId="49" fontId="24" fillId="2" borderId="2" xfId="2" applyNumberFormat="1" applyFont="1" applyFill="1" applyBorder="1" applyAlignment="1"/>
    <xf numFmtId="49" fontId="24" fillId="2" borderId="14" xfId="2" applyNumberFormat="1" applyFont="1" applyFill="1" applyBorder="1" applyAlignment="1"/>
    <xf numFmtId="49" fontId="24" fillId="2" borderId="39" xfId="1" applyNumberFormat="1" applyFont="1" applyFill="1" applyBorder="1"/>
    <xf numFmtId="58" fontId="21" fillId="2" borderId="0" xfId="1" applyNumberFormat="1" applyFont="1" applyFill="1" applyBorder="1" applyAlignment="1">
      <alignment horizontal="left"/>
    </xf>
    <xf numFmtId="0" fontId="21" fillId="2" borderId="0" xfId="1" applyFont="1" applyFill="1" applyBorder="1"/>
    <xf numFmtId="49" fontId="24" fillId="2" borderId="40" xfId="1" applyNumberFormat="1" applyFont="1" applyFill="1" applyBorder="1"/>
    <xf numFmtId="49" fontId="24" fillId="2" borderId="0" xfId="1" applyNumberFormat="1" applyFont="1" applyFill="1" applyBorder="1"/>
    <xf numFmtId="0" fontId="24" fillId="2" borderId="0" xfId="1" applyFont="1" applyFill="1" applyBorder="1" applyAlignment="1">
      <alignment horizontal="left" shrinkToFit="1"/>
    </xf>
    <xf numFmtId="6" fontId="24" fillId="2" borderId="0" xfId="2" applyFont="1" applyFill="1" applyBorder="1" applyAlignment="1"/>
    <xf numFmtId="0" fontId="3" fillId="2" borderId="0" xfId="1" applyFont="1" applyFill="1" applyBorder="1" applyAlignment="1">
      <alignment vertical="center"/>
    </xf>
    <xf numFmtId="49" fontId="24" fillId="2" borderId="30" xfId="2" applyNumberFormat="1" applyFont="1" applyFill="1" applyBorder="1" applyAlignment="1"/>
    <xf numFmtId="49" fontId="24" fillId="2" borderId="30" xfId="1" applyNumberFormat="1" applyFont="1" applyFill="1" applyBorder="1"/>
    <xf numFmtId="0" fontId="29" fillId="2" borderId="0" xfId="1" applyFont="1" applyFill="1" applyBorder="1" applyAlignment="1"/>
    <xf numFmtId="49" fontId="21" fillId="2" borderId="0" xfId="1" applyNumberFormat="1" applyFont="1" applyFill="1" applyBorder="1" applyAlignment="1">
      <alignment horizontal="right" vertical="center"/>
    </xf>
    <xf numFmtId="49" fontId="25" fillId="2" borderId="0" xfId="0" applyNumberFormat="1" applyFont="1" applyFill="1" applyAlignment="1">
      <alignment horizontal="right" vertical="center"/>
    </xf>
    <xf numFmtId="49" fontId="18" fillId="2" borderId="0" xfId="1" applyNumberFormat="1" applyFont="1" applyFill="1" applyBorder="1" applyAlignment="1">
      <alignment vertical="center"/>
    </xf>
    <xf numFmtId="0" fontId="26" fillId="2" borderId="37" xfId="0" applyFont="1" applyFill="1" applyBorder="1" applyAlignment="1">
      <alignment horizontal="left" vertical="center"/>
    </xf>
    <xf numFmtId="0" fontId="26" fillId="2" borderId="33" xfId="0" applyFont="1" applyFill="1" applyBorder="1" applyAlignment="1">
      <alignment horizontal="left" vertical="center"/>
    </xf>
    <xf numFmtId="0" fontId="26" fillId="2" borderId="38" xfId="0" applyFont="1" applyFill="1" applyBorder="1" applyAlignment="1">
      <alignment horizontal="left" vertical="center"/>
    </xf>
    <xf numFmtId="0" fontId="19" fillId="2" borderId="33" xfId="0" applyFont="1" applyFill="1" applyBorder="1" applyAlignment="1">
      <alignment horizontal="center" vertical="center"/>
    </xf>
    <xf numFmtId="0" fontId="19" fillId="2" borderId="38" xfId="0" applyFont="1" applyFill="1" applyBorder="1" applyAlignment="1">
      <alignment horizontal="center" vertical="center"/>
    </xf>
    <xf numFmtId="0" fontId="31" fillId="2" borderId="33" xfId="0" applyFont="1" applyFill="1" applyBorder="1" applyAlignment="1">
      <alignment horizontal="left" vertical="center"/>
    </xf>
    <xf numFmtId="0" fontId="31" fillId="2" borderId="38" xfId="0" applyFont="1" applyFill="1" applyBorder="1" applyAlignment="1">
      <alignment horizontal="left" vertical="center"/>
    </xf>
    <xf numFmtId="49" fontId="24" fillId="0" borderId="40" xfId="1" applyNumberFormat="1" applyFont="1" applyFill="1" applyBorder="1"/>
    <xf numFmtId="49" fontId="24" fillId="0" borderId="14" xfId="2" applyNumberFormat="1" applyFont="1" applyFill="1" applyBorder="1" applyAlignment="1"/>
    <xf numFmtId="58" fontId="21" fillId="0" borderId="0" xfId="1" applyNumberFormat="1" applyFont="1" applyFill="1" applyBorder="1" applyAlignment="1">
      <alignment horizontal="left"/>
    </xf>
    <xf numFmtId="0" fontId="19" fillId="2" borderId="37" xfId="0" applyFont="1" applyFill="1" applyBorder="1" applyAlignment="1">
      <alignment horizontal="left" vertical="center"/>
    </xf>
    <xf numFmtId="0" fontId="7" fillId="2" borderId="0" xfId="1" applyFont="1" applyFill="1" applyBorder="1" applyAlignment="1">
      <alignment horizontal="center" vertical="center"/>
    </xf>
    <xf numFmtId="0" fontId="6" fillId="2" borderId="3" xfId="1" applyFont="1" applyFill="1" applyBorder="1" applyAlignment="1">
      <alignment horizontal="center" vertical="center"/>
    </xf>
    <xf numFmtId="0" fontId="6" fillId="2" borderId="5" xfId="1" applyFont="1" applyFill="1" applyBorder="1" applyAlignment="1">
      <alignment horizontal="center" vertical="center"/>
    </xf>
    <xf numFmtId="0" fontId="6" fillId="2" borderId="22" xfId="1" applyFont="1" applyFill="1" applyBorder="1" applyAlignment="1">
      <alignment horizontal="center" vertical="center"/>
    </xf>
    <xf numFmtId="0" fontId="6" fillId="2" borderId="24" xfId="1" applyFont="1" applyFill="1" applyBorder="1" applyAlignment="1">
      <alignment horizontal="center" vertical="center"/>
    </xf>
    <xf numFmtId="0" fontId="6" fillId="2" borderId="4" xfId="1" applyFont="1" applyFill="1" applyBorder="1" applyAlignment="1">
      <alignment horizontal="center" vertical="center"/>
    </xf>
    <xf numFmtId="0" fontId="11" fillId="2" borderId="26" xfId="1" applyFont="1" applyFill="1" applyBorder="1" applyAlignment="1">
      <alignment horizontal="left" vertical="center"/>
    </xf>
    <xf numFmtId="0" fontId="11" fillId="2" borderId="7" xfId="1" applyFont="1" applyFill="1" applyBorder="1" applyAlignment="1">
      <alignment horizontal="left" vertical="center"/>
    </xf>
    <xf numFmtId="0" fontId="0" fillId="2" borderId="27" xfId="0" applyFill="1" applyBorder="1" applyAlignment="1">
      <alignment horizontal="left" vertical="center"/>
    </xf>
    <xf numFmtId="0" fontId="9" fillId="2" borderId="1" xfId="1" applyFont="1" applyFill="1" applyBorder="1" applyAlignment="1">
      <alignment horizontal="left" vertical="center"/>
    </xf>
    <xf numFmtId="0" fontId="9" fillId="2" borderId="0" xfId="1" applyFont="1" applyFill="1" applyBorder="1" applyAlignment="1">
      <alignment horizontal="left" vertical="center"/>
    </xf>
    <xf numFmtId="0" fontId="0" fillId="2" borderId="9" xfId="0" applyFill="1" applyBorder="1" applyAlignment="1">
      <alignment horizontal="left" vertical="center"/>
    </xf>
    <xf numFmtId="0" fontId="3" fillId="2" borderId="16" xfId="1" applyFont="1" applyFill="1" applyBorder="1" applyAlignment="1">
      <alignment horizontal="center" vertical="center"/>
    </xf>
    <xf numFmtId="0" fontId="3" fillId="2" borderId="17" xfId="1" applyFont="1" applyFill="1" applyBorder="1" applyAlignment="1">
      <alignment horizontal="center" vertical="center"/>
    </xf>
    <xf numFmtId="0" fontId="11" fillId="2" borderId="0" xfId="1" applyFont="1" applyFill="1" applyBorder="1" applyAlignment="1">
      <alignment horizontal="left" vertical="top" wrapText="1"/>
    </xf>
    <xf numFmtId="0" fontId="22" fillId="2" borderId="0" xfId="0" applyFont="1" applyFill="1" applyBorder="1" applyAlignment="1">
      <alignment horizontal="left" vertical="center" wrapText="1"/>
    </xf>
    <xf numFmtId="0" fontId="23" fillId="2" borderId="0" xfId="0" applyFont="1" applyFill="1" applyBorder="1" applyAlignment="1">
      <alignment horizontal="left" vertical="center" wrapText="1"/>
    </xf>
    <xf numFmtId="0" fontId="22" fillId="2" borderId="0" xfId="0" applyFont="1" applyFill="1" applyBorder="1" applyAlignment="1">
      <alignment horizontal="left" vertical="center"/>
    </xf>
    <xf numFmtId="0" fontId="3" fillId="2" borderId="16" xfId="1" applyFont="1" applyFill="1" applyBorder="1" applyAlignment="1">
      <alignment horizontal="center"/>
    </xf>
    <xf numFmtId="0" fontId="3" fillId="2" borderId="17" xfId="1" applyFont="1" applyFill="1" applyBorder="1" applyAlignment="1">
      <alignment horizontal="center"/>
    </xf>
    <xf numFmtId="0" fontId="9" fillId="2" borderId="1" xfId="1" applyFont="1" applyFill="1" applyBorder="1" applyAlignment="1"/>
    <xf numFmtId="0" fontId="9" fillId="2" borderId="0" xfId="1" applyFont="1" applyFill="1" applyBorder="1" applyAlignment="1"/>
    <xf numFmtId="0" fontId="9" fillId="2" borderId="9" xfId="1" applyFont="1" applyFill="1" applyBorder="1" applyAlignment="1"/>
    <xf numFmtId="0" fontId="11" fillId="2" borderId="9" xfId="1" applyFont="1" applyFill="1" applyBorder="1" applyAlignment="1">
      <alignment horizontal="left" vertical="center"/>
    </xf>
    <xf numFmtId="0" fontId="11" fillId="2" borderId="1" xfId="1" applyFont="1" applyFill="1" applyBorder="1" applyAlignment="1">
      <alignment horizontal="left" vertical="center"/>
    </xf>
    <xf numFmtId="0" fontId="11" fillId="2" borderId="0" xfId="1" applyFont="1" applyFill="1" applyBorder="1" applyAlignment="1">
      <alignment horizontal="left" vertical="center"/>
    </xf>
    <xf numFmtId="0" fontId="9" fillId="2" borderId="9" xfId="1" applyFont="1" applyFill="1" applyBorder="1" applyAlignment="1">
      <alignment horizontal="left" vertical="center"/>
    </xf>
    <xf numFmtId="0" fontId="11" fillId="2" borderId="1" xfId="1" applyFont="1" applyFill="1" applyBorder="1" applyAlignment="1">
      <alignment horizontal="left" vertical="top" wrapText="1"/>
    </xf>
    <xf numFmtId="0" fontId="11" fillId="2" borderId="9" xfId="1" applyFont="1" applyFill="1" applyBorder="1" applyAlignment="1">
      <alignment horizontal="left" vertical="top" wrapText="1"/>
    </xf>
    <xf numFmtId="0" fontId="11" fillId="2" borderId="25" xfId="1" applyFont="1" applyFill="1" applyBorder="1" applyAlignment="1">
      <alignment horizontal="left" vertical="top" wrapText="1"/>
    </xf>
    <xf numFmtId="0" fontId="11" fillId="2" borderId="32" xfId="1" applyFont="1" applyFill="1" applyBorder="1" applyAlignment="1">
      <alignment horizontal="left" vertical="top" wrapText="1"/>
    </xf>
    <xf numFmtId="0" fontId="11" fillId="2" borderId="10" xfId="1" applyFont="1" applyFill="1" applyBorder="1" applyAlignment="1">
      <alignment horizontal="left" vertical="top" wrapText="1"/>
    </xf>
    <xf numFmtId="0" fontId="9" fillId="2" borderId="45" xfId="1" applyFont="1" applyFill="1" applyBorder="1" applyAlignment="1"/>
    <xf numFmtId="0" fontId="9" fillId="2" borderId="34" xfId="1" applyFont="1" applyFill="1" applyBorder="1" applyAlignment="1"/>
    <xf numFmtId="0" fontId="9" fillId="2" borderId="46" xfId="1" applyFont="1" applyFill="1" applyBorder="1" applyAlignment="1"/>
    <xf numFmtId="0" fontId="24" fillId="2" borderId="41" xfId="0" applyFont="1" applyFill="1" applyBorder="1" applyAlignment="1">
      <alignment horizontal="center" vertical="center"/>
    </xf>
    <xf numFmtId="0" fontId="24" fillId="2" borderId="34" xfId="0" applyFont="1" applyFill="1" applyBorder="1" applyAlignment="1">
      <alignment horizontal="center" vertical="center"/>
    </xf>
    <xf numFmtId="0" fontId="24" fillId="2" borderId="42" xfId="0" applyFont="1" applyFill="1" applyBorder="1" applyAlignment="1">
      <alignment horizontal="center" vertical="center"/>
    </xf>
    <xf numFmtId="0" fontId="24" fillId="2" borderId="43" xfId="0" applyFont="1" applyFill="1" applyBorder="1" applyAlignment="1">
      <alignment horizontal="center" vertical="center"/>
    </xf>
    <xf numFmtId="0" fontId="24" fillId="2" borderId="32" xfId="0" applyFont="1" applyFill="1" applyBorder="1" applyAlignment="1">
      <alignment horizontal="center" vertical="center"/>
    </xf>
    <xf numFmtId="0" fontId="24" fillId="2" borderId="44" xfId="0" applyFont="1" applyFill="1" applyBorder="1" applyAlignment="1">
      <alignment horizontal="center" vertical="center"/>
    </xf>
    <xf numFmtId="0" fontId="18" fillId="2" borderId="0" xfId="1" applyFont="1" applyFill="1" applyBorder="1" applyAlignment="1">
      <alignment horizontal="center" vertical="center"/>
    </xf>
    <xf numFmtId="0" fontId="19" fillId="2" borderId="37" xfId="0" applyFont="1" applyFill="1" applyBorder="1" applyAlignment="1">
      <alignment horizontal="center" vertical="center"/>
    </xf>
    <xf numFmtId="0" fontId="19" fillId="2" borderId="33" xfId="0" applyFont="1" applyFill="1" applyBorder="1" applyAlignment="1">
      <alignment horizontal="center" vertical="center"/>
    </xf>
    <xf numFmtId="0" fontId="19" fillId="2" borderId="38" xfId="0" applyFont="1" applyFill="1" applyBorder="1" applyAlignment="1">
      <alignment horizontal="center" vertical="center"/>
    </xf>
    <xf numFmtId="0" fontId="26" fillId="2" borderId="37" xfId="0" applyFont="1" applyFill="1" applyBorder="1" applyAlignment="1">
      <alignment horizontal="left" vertical="center"/>
    </xf>
    <xf numFmtId="0" fontId="26" fillId="2" borderId="33" xfId="0" applyFont="1" applyFill="1" applyBorder="1" applyAlignment="1">
      <alignment horizontal="left" vertical="center"/>
    </xf>
    <xf numFmtId="0" fontId="26" fillId="2" borderId="38" xfId="0" applyFont="1" applyFill="1" applyBorder="1" applyAlignment="1">
      <alignment horizontal="left" vertical="center"/>
    </xf>
    <xf numFmtId="0" fontId="18" fillId="2" borderId="32" xfId="1" applyFont="1" applyFill="1" applyBorder="1" applyAlignment="1">
      <alignment horizontal="center" vertical="center"/>
    </xf>
  </cellXfs>
  <cellStyles count="3">
    <cellStyle name="通貨" xfId="2" builtinId="7"/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57"/>
  <sheetViews>
    <sheetView tabSelected="1" view="pageBreakPreview" topLeftCell="A17" zoomScale="60" zoomScaleNormal="50" workbookViewId="0">
      <selection activeCell="H52" sqref="H52"/>
    </sheetView>
  </sheetViews>
  <sheetFormatPr defaultColWidth="9" defaultRowHeight="14.4" x14ac:dyDescent="0.2"/>
  <cols>
    <col min="1" max="1" width="5" style="2" customWidth="1"/>
    <col min="2" max="2" width="23.3984375" style="2" customWidth="1"/>
    <col min="3" max="3" width="10.8984375" style="2" customWidth="1"/>
    <col min="4" max="4" width="15.3984375" style="2" customWidth="1"/>
    <col min="5" max="5" width="18.09765625" style="2" bestFit="1" customWidth="1"/>
    <col min="6" max="6" width="10.3984375" style="2" customWidth="1"/>
    <col min="7" max="8" width="15.3984375" style="2" customWidth="1"/>
    <col min="9" max="10" width="4.8984375" style="2" customWidth="1"/>
    <col min="11" max="11" width="64.09765625" style="2" customWidth="1"/>
    <col min="12" max="12" width="70.59765625" style="2" customWidth="1"/>
    <col min="13" max="13" width="6.19921875" style="2" customWidth="1"/>
    <col min="14" max="16384" width="9" style="2"/>
  </cols>
  <sheetData>
    <row r="1" spans="1:13" ht="56.25" customHeight="1" thickBot="1" x14ac:dyDescent="0.25">
      <c r="A1" s="125" t="s">
        <v>30</v>
      </c>
      <c r="B1" s="125"/>
      <c r="C1" s="125"/>
      <c r="D1" s="125"/>
      <c r="E1" s="125"/>
      <c r="F1" s="125"/>
      <c r="G1" s="125"/>
      <c r="H1" s="125"/>
      <c r="I1" s="125"/>
      <c r="J1" s="125"/>
      <c r="K1" s="125"/>
      <c r="L1" s="125"/>
      <c r="M1" s="125"/>
    </row>
    <row r="2" spans="1:13" ht="25.5" customHeight="1" thickTop="1" thickBot="1" x14ac:dyDescent="0.25">
      <c r="A2" s="126" t="s">
        <v>0</v>
      </c>
      <c r="B2" s="127"/>
      <c r="C2" s="127"/>
      <c r="D2" s="127"/>
      <c r="E2" s="127"/>
      <c r="F2" s="127"/>
      <c r="G2" s="127"/>
      <c r="H2" s="127"/>
      <c r="I2" s="128"/>
      <c r="J2" s="129" t="s">
        <v>34</v>
      </c>
      <c r="K2" s="127"/>
      <c r="L2" s="127"/>
      <c r="M2" s="130"/>
    </row>
    <row r="3" spans="1:13" ht="13.5" customHeight="1" thickTop="1" x14ac:dyDescent="0.2">
      <c r="A3" s="7" t="s">
        <v>46</v>
      </c>
      <c r="B3" s="8"/>
      <c r="C3" s="8"/>
      <c r="D3" s="8"/>
      <c r="E3" s="8"/>
      <c r="F3" s="8"/>
      <c r="G3" s="8"/>
      <c r="H3" s="8"/>
      <c r="I3" s="9"/>
      <c r="J3" s="131"/>
      <c r="K3" s="132"/>
      <c r="L3" s="132"/>
      <c r="M3" s="133"/>
    </row>
    <row r="4" spans="1:13" ht="18.75" customHeight="1" x14ac:dyDescent="0.25">
      <c r="A4" s="10"/>
      <c r="B4" s="11"/>
      <c r="C4" s="12"/>
      <c r="D4" s="11"/>
      <c r="E4" s="11"/>
      <c r="F4" s="11"/>
      <c r="G4" s="11"/>
      <c r="H4" s="11"/>
      <c r="I4" s="13"/>
      <c r="J4" s="134" t="s">
        <v>204</v>
      </c>
      <c r="K4" s="135"/>
      <c r="L4" s="135"/>
      <c r="M4" s="136"/>
    </row>
    <row r="5" spans="1:13" ht="18.75" customHeight="1" x14ac:dyDescent="0.25">
      <c r="A5" s="10" t="s">
        <v>48</v>
      </c>
      <c r="B5" s="11"/>
      <c r="C5" s="72"/>
      <c r="D5" s="14"/>
      <c r="E5" s="14"/>
      <c r="F5" s="14"/>
      <c r="G5" s="14"/>
      <c r="H5" s="14"/>
      <c r="I5" s="14"/>
      <c r="J5" s="15"/>
      <c r="K5" s="70" t="s">
        <v>111</v>
      </c>
      <c r="L5" s="71"/>
      <c r="M5" s="16"/>
    </row>
    <row r="6" spans="1:13" ht="18.75" customHeight="1" x14ac:dyDescent="0.25">
      <c r="A6" s="10"/>
      <c r="B6" s="17"/>
      <c r="C6" s="17"/>
      <c r="D6" s="17"/>
      <c r="E6" s="17"/>
      <c r="F6" s="17"/>
      <c r="G6" s="17"/>
      <c r="H6" s="17"/>
      <c r="I6" s="18"/>
      <c r="J6" s="15"/>
      <c r="K6" s="139" t="s">
        <v>114</v>
      </c>
      <c r="L6" s="139"/>
      <c r="M6" s="16"/>
    </row>
    <row r="7" spans="1:13" ht="18.75" customHeight="1" x14ac:dyDescent="0.2">
      <c r="A7" s="19"/>
      <c r="B7" s="11"/>
      <c r="C7" s="12"/>
      <c r="D7" s="11"/>
      <c r="E7" s="11"/>
      <c r="F7" s="11"/>
      <c r="G7" s="11"/>
      <c r="H7" s="11"/>
      <c r="I7" s="13"/>
      <c r="J7" s="15"/>
      <c r="K7" s="139"/>
      <c r="L7" s="139"/>
      <c r="M7" s="16"/>
    </row>
    <row r="8" spans="1:13" ht="18.75" customHeight="1" x14ac:dyDescent="0.25">
      <c r="A8" s="10" t="s">
        <v>49</v>
      </c>
      <c r="B8" s="17"/>
      <c r="C8" s="73"/>
      <c r="D8" s="21"/>
      <c r="E8" s="21"/>
      <c r="F8" s="21"/>
      <c r="G8" s="21"/>
      <c r="H8" s="21"/>
      <c r="I8" s="22"/>
      <c r="J8" s="15"/>
      <c r="K8" s="139"/>
      <c r="L8" s="139"/>
      <c r="M8" s="16"/>
    </row>
    <row r="9" spans="1:13" ht="18.75" customHeight="1" x14ac:dyDescent="0.25">
      <c r="A9" s="23"/>
      <c r="B9" s="14"/>
      <c r="C9" s="73"/>
      <c r="D9" s="14"/>
      <c r="E9" s="14"/>
      <c r="F9" s="14"/>
      <c r="G9" s="14"/>
      <c r="H9" s="14"/>
      <c r="I9" s="14"/>
      <c r="J9" s="15"/>
      <c r="K9" s="70" t="s">
        <v>110</v>
      </c>
      <c r="L9" s="31"/>
      <c r="M9" s="16"/>
    </row>
    <row r="10" spans="1:13" ht="19.5" customHeight="1" x14ac:dyDescent="0.25">
      <c r="A10" s="10"/>
      <c r="B10" s="17"/>
      <c r="C10" s="17"/>
      <c r="D10" s="17"/>
      <c r="E10" s="17"/>
      <c r="F10" s="17"/>
      <c r="G10" s="17"/>
      <c r="H10" s="17"/>
      <c r="I10" s="18"/>
      <c r="J10" s="24"/>
      <c r="K10" s="142" t="s">
        <v>117</v>
      </c>
      <c r="L10" s="142"/>
      <c r="M10" s="25"/>
    </row>
    <row r="11" spans="1:13" ht="18.75" customHeight="1" x14ac:dyDescent="0.25">
      <c r="A11" s="26"/>
      <c r="B11" s="21"/>
      <c r="C11" s="74"/>
      <c r="D11" s="17"/>
      <c r="E11" s="17"/>
      <c r="F11" s="17"/>
      <c r="G11" s="17"/>
      <c r="H11" s="17"/>
      <c r="I11" s="18"/>
      <c r="J11" s="15"/>
      <c r="K11" s="31"/>
      <c r="L11" s="31"/>
      <c r="M11" s="16"/>
    </row>
    <row r="12" spans="1:13" ht="19.2" x14ac:dyDescent="0.25">
      <c r="A12" s="27" t="s">
        <v>86</v>
      </c>
      <c r="B12" s="17"/>
      <c r="C12" s="73"/>
      <c r="D12" s="17"/>
      <c r="E12" s="17"/>
      <c r="F12" s="17"/>
      <c r="G12" s="17"/>
      <c r="H12" s="17"/>
      <c r="I12" s="18"/>
      <c r="J12" s="15"/>
      <c r="K12" s="70" t="s">
        <v>113</v>
      </c>
      <c r="L12" s="31"/>
      <c r="M12" s="16"/>
    </row>
    <row r="13" spans="1:13" ht="18.75" customHeight="1" x14ac:dyDescent="0.25">
      <c r="A13" s="23"/>
      <c r="B13" s="17"/>
      <c r="C13" s="73"/>
      <c r="D13" s="17"/>
      <c r="E13" s="17"/>
      <c r="F13" s="17"/>
      <c r="G13" s="17"/>
      <c r="H13" s="17"/>
      <c r="I13" s="18"/>
      <c r="J13" s="15"/>
      <c r="K13" s="139" t="s">
        <v>60</v>
      </c>
      <c r="L13" s="139"/>
      <c r="M13" s="16"/>
    </row>
    <row r="14" spans="1:13" ht="18.75" customHeight="1" x14ac:dyDescent="0.25">
      <c r="A14" s="10"/>
      <c r="B14" s="17"/>
      <c r="C14" s="17"/>
      <c r="D14" s="17"/>
      <c r="E14" s="17"/>
      <c r="F14" s="17"/>
      <c r="G14" s="17"/>
      <c r="H14" s="17"/>
      <c r="I14" s="18"/>
      <c r="J14" s="15"/>
      <c r="K14" s="139"/>
      <c r="L14" s="139"/>
      <c r="M14" s="16"/>
    </row>
    <row r="15" spans="1:13" ht="18.75" customHeight="1" x14ac:dyDescent="0.25">
      <c r="A15" s="26"/>
      <c r="B15" s="17"/>
      <c r="C15" s="17"/>
      <c r="D15" s="17"/>
      <c r="E15" s="92"/>
      <c r="F15" s="17"/>
      <c r="G15" s="17"/>
      <c r="H15" s="17"/>
      <c r="I15" s="18"/>
      <c r="J15" s="15"/>
      <c r="K15" s="139"/>
      <c r="L15" s="139"/>
      <c r="M15" s="16"/>
    </row>
    <row r="16" spans="1:13" ht="18.75" customHeight="1" x14ac:dyDescent="0.25">
      <c r="A16" s="26" t="s">
        <v>85</v>
      </c>
      <c r="B16" s="17"/>
      <c r="C16" s="17" t="s">
        <v>108</v>
      </c>
      <c r="D16" s="17"/>
      <c r="E16" s="110" t="s">
        <v>107</v>
      </c>
      <c r="F16" s="17"/>
      <c r="G16" s="17"/>
      <c r="H16" s="17"/>
      <c r="I16" s="18"/>
      <c r="J16" s="15"/>
      <c r="K16" s="139"/>
      <c r="L16" s="139"/>
      <c r="M16" s="16"/>
    </row>
    <row r="17" spans="1:13" ht="18.75" customHeight="1" x14ac:dyDescent="0.25">
      <c r="A17" s="23"/>
      <c r="B17" s="17"/>
      <c r="C17" s="17" t="s">
        <v>120</v>
      </c>
      <c r="D17" s="14"/>
      <c r="E17" s="95" t="s">
        <v>107</v>
      </c>
      <c r="F17" s="14"/>
      <c r="G17" s="14"/>
      <c r="H17" s="92"/>
      <c r="I17" s="28"/>
      <c r="J17" s="15"/>
      <c r="K17" s="70" t="s">
        <v>112</v>
      </c>
      <c r="L17" s="31"/>
      <c r="M17" s="16"/>
    </row>
    <row r="18" spans="1:13" ht="18.75" customHeight="1" x14ac:dyDescent="0.25">
      <c r="A18" s="94"/>
      <c r="B18" s="17"/>
      <c r="C18" s="17"/>
      <c r="D18" s="14"/>
      <c r="E18" s="95"/>
      <c r="F18" s="14"/>
      <c r="G18" s="14"/>
      <c r="H18" s="92"/>
      <c r="I18" s="29"/>
      <c r="J18" s="15"/>
      <c r="K18" s="140" t="s">
        <v>118</v>
      </c>
      <c r="L18" s="141"/>
      <c r="M18" s="16"/>
    </row>
    <row r="19" spans="1:13" ht="19.2" x14ac:dyDescent="0.25">
      <c r="A19" s="94"/>
      <c r="B19" s="14"/>
      <c r="C19" s="17"/>
      <c r="D19" s="14"/>
      <c r="E19" s="95"/>
      <c r="F19" s="14"/>
      <c r="G19" s="14"/>
      <c r="H19" s="20"/>
      <c r="I19" s="30"/>
      <c r="J19" s="15"/>
      <c r="K19" s="31"/>
      <c r="L19" s="31"/>
      <c r="M19" s="16"/>
    </row>
    <row r="20" spans="1:13" ht="19.2" x14ac:dyDescent="0.25">
      <c r="A20" s="94" t="s">
        <v>77</v>
      </c>
      <c r="B20" s="14"/>
      <c r="C20" s="17" t="s">
        <v>78</v>
      </c>
      <c r="D20" s="14"/>
      <c r="E20" s="96"/>
      <c r="F20" s="14"/>
      <c r="G20" s="14"/>
      <c r="H20" s="32"/>
      <c r="I20" s="30"/>
      <c r="J20" s="33" t="s">
        <v>206</v>
      </c>
      <c r="K20" s="31"/>
      <c r="L20" s="31"/>
      <c r="M20" s="34"/>
    </row>
    <row r="21" spans="1:13" ht="19.5" customHeight="1" x14ac:dyDescent="0.25">
      <c r="A21" s="35"/>
      <c r="B21" s="14"/>
      <c r="C21" s="17" t="s">
        <v>79</v>
      </c>
      <c r="D21" s="14"/>
      <c r="E21" s="97"/>
      <c r="F21" s="14"/>
      <c r="G21" s="14"/>
      <c r="H21" s="36"/>
      <c r="I21" s="37"/>
      <c r="J21" s="152" t="s">
        <v>207</v>
      </c>
      <c r="K21" s="139"/>
      <c r="L21" s="139"/>
      <c r="M21" s="153"/>
    </row>
    <row r="22" spans="1:13" ht="19.5" customHeight="1" x14ac:dyDescent="0.25">
      <c r="A22" s="35"/>
      <c r="B22" s="14"/>
      <c r="C22" s="17" t="s">
        <v>58</v>
      </c>
      <c r="D22" s="14"/>
      <c r="E22" s="96"/>
      <c r="F22" s="14"/>
      <c r="G22" s="14"/>
      <c r="H22" s="36"/>
      <c r="I22" s="30"/>
      <c r="J22" s="152"/>
      <c r="K22" s="139"/>
      <c r="L22" s="139"/>
      <c r="M22" s="153"/>
    </row>
    <row r="23" spans="1:13" ht="19.2" x14ac:dyDescent="0.25">
      <c r="A23" s="10"/>
      <c r="B23" s="14"/>
      <c r="C23" s="17" t="s">
        <v>59</v>
      </c>
      <c r="D23" s="14"/>
      <c r="E23" s="96"/>
      <c r="F23" s="14"/>
      <c r="G23" s="14"/>
      <c r="H23" s="36"/>
      <c r="I23" s="30"/>
      <c r="J23" s="152"/>
      <c r="K23" s="139"/>
      <c r="L23" s="139"/>
      <c r="M23" s="153"/>
    </row>
    <row r="24" spans="1:13" ht="19.5" customHeight="1" x14ac:dyDescent="0.25">
      <c r="A24" s="35"/>
      <c r="B24" s="14"/>
      <c r="C24" s="92" t="s">
        <v>80</v>
      </c>
      <c r="D24" s="14"/>
      <c r="E24" s="96"/>
      <c r="F24" s="14"/>
      <c r="G24" s="14"/>
      <c r="H24" s="36"/>
      <c r="I24" s="30"/>
      <c r="J24" s="152"/>
      <c r="K24" s="139"/>
      <c r="L24" s="139"/>
      <c r="M24" s="153"/>
    </row>
    <row r="25" spans="1:13" ht="19.5" customHeight="1" thickBot="1" x14ac:dyDescent="0.3">
      <c r="A25" s="35"/>
      <c r="B25" s="14"/>
      <c r="C25" s="14"/>
      <c r="D25" s="14"/>
      <c r="E25" s="14"/>
      <c r="F25" s="14"/>
      <c r="G25" s="14"/>
      <c r="H25" s="36"/>
      <c r="I25" s="30"/>
      <c r="J25" s="152"/>
      <c r="K25" s="139"/>
      <c r="L25" s="139"/>
      <c r="M25" s="153"/>
    </row>
    <row r="26" spans="1:13" ht="21" customHeight="1" thickBot="1" x14ac:dyDescent="0.3">
      <c r="A26" s="35"/>
      <c r="B26" s="143" t="s">
        <v>41</v>
      </c>
      <c r="C26" s="144"/>
      <c r="D26" s="38" t="s">
        <v>122</v>
      </c>
      <c r="E26" s="137" t="s">
        <v>36</v>
      </c>
      <c r="F26" s="138"/>
      <c r="G26" s="39" t="s">
        <v>122</v>
      </c>
      <c r="H26" s="36"/>
      <c r="I26" s="30"/>
      <c r="J26" s="152"/>
      <c r="K26" s="139"/>
      <c r="L26" s="139"/>
      <c r="M26" s="153"/>
    </row>
    <row r="27" spans="1:13" ht="20.25" customHeight="1" x14ac:dyDescent="0.25">
      <c r="A27" s="35"/>
      <c r="B27" s="82"/>
      <c r="C27" s="83"/>
      <c r="D27" s="75"/>
      <c r="E27" s="85"/>
      <c r="F27" s="83"/>
      <c r="G27" s="100"/>
      <c r="H27" s="36"/>
      <c r="I27" s="30"/>
      <c r="J27" s="152"/>
      <c r="K27" s="139"/>
      <c r="L27" s="139"/>
      <c r="M27" s="153"/>
    </row>
    <row r="28" spans="1:13" ht="20.25" customHeight="1" x14ac:dyDescent="0.25">
      <c r="A28" s="35"/>
      <c r="B28" s="82"/>
      <c r="C28" s="83"/>
      <c r="D28" s="75"/>
      <c r="E28" s="85"/>
      <c r="F28" s="83"/>
      <c r="G28" s="77"/>
      <c r="H28" s="36"/>
      <c r="I28" s="30"/>
      <c r="J28" s="152"/>
      <c r="K28" s="139"/>
      <c r="L28" s="139"/>
      <c r="M28" s="153"/>
    </row>
    <row r="29" spans="1:13" ht="20.25" customHeight="1" x14ac:dyDescent="0.25">
      <c r="A29" s="35"/>
      <c r="B29" s="84"/>
      <c r="C29" s="83"/>
      <c r="D29" s="75"/>
      <c r="E29" s="85"/>
      <c r="F29" s="83"/>
      <c r="G29" s="77"/>
      <c r="H29" s="36"/>
      <c r="I29" s="30"/>
      <c r="J29" s="152"/>
      <c r="K29" s="139"/>
      <c r="L29" s="139"/>
      <c r="M29" s="153"/>
    </row>
    <row r="30" spans="1:13" ht="20.25" customHeight="1" x14ac:dyDescent="0.25">
      <c r="A30" s="35"/>
      <c r="B30" s="85"/>
      <c r="C30" s="83"/>
      <c r="D30" s="75"/>
      <c r="E30" s="85"/>
      <c r="F30" s="83"/>
      <c r="G30" s="77"/>
      <c r="H30" s="36"/>
      <c r="I30" s="30"/>
      <c r="J30" s="152"/>
      <c r="K30" s="139"/>
      <c r="L30" s="139"/>
      <c r="M30" s="153"/>
    </row>
    <row r="31" spans="1:13" ht="20.25" customHeight="1" x14ac:dyDescent="0.25">
      <c r="A31" s="35"/>
      <c r="B31" s="86"/>
      <c r="C31" s="83"/>
      <c r="D31" s="75"/>
      <c r="E31" s="85"/>
      <c r="F31" s="83"/>
      <c r="G31" s="98"/>
      <c r="H31" s="36"/>
      <c r="I31" s="30"/>
      <c r="J31" s="152"/>
      <c r="K31" s="139"/>
      <c r="L31" s="139"/>
      <c r="M31" s="153"/>
    </row>
    <row r="32" spans="1:13" ht="20.25" customHeight="1" x14ac:dyDescent="0.25">
      <c r="A32" s="35"/>
      <c r="B32" s="85"/>
      <c r="C32" s="83"/>
      <c r="D32" s="75"/>
      <c r="E32" s="85"/>
      <c r="F32" s="83"/>
      <c r="G32" s="98"/>
      <c r="H32" s="42"/>
      <c r="I32" s="30"/>
      <c r="J32" s="152"/>
      <c r="K32" s="139"/>
      <c r="L32" s="139"/>
      <c r="M32" s="153"/>
    </row>
    <row r="33" spans="1:13" ht="20.25" customHeight="1" x14ac:dyDescent="0.25">
      <c r="A33" s="35"/>
      <c r="B33" s="85"/>
      <c r="C33" s="83"/>
      <c r="D33" s="75"/>
      <c r="E33" s="85"/>
      <c r="F33" s="83"/>
      <c r="G33" s="98"/>
      <c r="H33" s="32"/>
      <c r="I33" s="30"/>
      <c r="J33" s="152"/>
      <c r="K33" s="139"/>
      <c r="L33" s="139"/>
      <c r="M33" s="153"/>
    </row>
    <row r="34" spans="1:13" ht="20.25" customHeight="1" x14ac:dyDescent="0.25">
      <c r="A34" s="35"/>
      <c r="B34" s="85"/>
      <c r="C34" s="83"/>
      <c r="D34" s="75"/>
      <c r="E34" s="85"/>
      <c r="F34" s="83"/>
      <c r="G34" s="98"/>
      <c r="H34" s="43"/>
      <c r="I34" s="30"/>
      <c r="J34" s="152"/>
      <c r="K34" s="139"/>
      <c r="L34" s="139"/>
      <c r="M34" s="153"/>
    </row>
    <row r="35" spans="1:13" ht="20.25" customHeight="1" x14ac:dyDescent="0.25">
      <c r="A35" s="35"/>
      <c r="B35" s="85"/>
      <c r="C35" s="83"/>
      <c r="D35" s="75"/>
      <c r="E35" s="85"/>
      <c r="F35" s="83"/>
      <c r="G35" s="98"/>
      <c r="H35" s="43"/>
      <c r="I35" s="30"/>
      <c r="J35" s="152"/>
      <c r="K35" s="139"/>
      <c r="L35" s="139"/>
      <c r="M35" s="153"/>
    </row>
    <row r="36" spans="1:13" ht="20.25" customHeight="1" thickBot="1" x14ac:dyDescent="0.3">
      <c r="A36" s="35"/>
      <c r="B36" s="87"/>
      <c r="C36" s="88"/>
      <c r="D36" s="75"/>
      <c r="E36" s="41"/>
      <c r="F36" s="44"/>
      <c r="G36" s="76"/>
      <c r="H36" s="43"/>
      <c r="I36" s="30"/>
      <c r="J36" s="152"/>
      <c r="K36" s="139"/>
      <c r="L36" s="139"/>
      <c r="M36" s="153"/>
    </row>
    <row r="37" spans="1:13" ht="21" customHeight="1" thickBot="1" x14ac:dyDescent="0.3">
      <c r="A37" s="45"/>
      <c r="B37" s="137" t="s">
        <v>35</v>
      </c>
      <c r="C37" s="138"/>
      <c r="D37" s="103"/>
      <c r="E37" s="137" t="s">
        <v>21</v>
      </c>
      <c r="F37" s="138"/>
      <c r="G37" s="99"/>
      <c r="H37" s="43"/>
      <c r="I37" s="30"/>
      <c r="J37" s="152"/>
      <c r="K37" s="139"/>
      <c r="L37" s="139"/>
      <c r="M37" s="153"/>
    </row>
    <row r="38" spans="1:13" ht="19.8" thickBot="1" x14ac:dyDescent="0.3">
      <c r="A38" s="46"/>
      <c r="B38" s="92"/>
      <c r="C38" s="47"/>
      <c r="D38" s="42"/>
      <c r="E38" s="92"/>
      <c r="F38" s="47"/>
      <c r="G38" s="42"/>
      <c r="H38" s="43"/>
      <c r="I38" s="30"/>
      <c r="J38" s="152"/>
      <c r="K38" s="139"/>
      <c r="L38" s="139"/>
      <c r="M38" s="153"/>
    </row>
    <row r="39" spans="1:13" ht="21" customHeight="1" thickBot="1" x14ac:dyDescent="0.3">
      <c r="A39" s="46"/>
      <c r="B39" s="143" t="s">
        <v>40</v>
      </c>
      <c r="C39" s="144"/>
      <c r="D39" s="38" t="s">
        <v>123</v>
      </c>
      <c r="E39" s="143" t="s">
        <v>39</v>
      </c>
      <c r="F39" s="144"/>
      <c r="G39" s="39" t="s">
        <v>122</v>
      </c>
      <c r="H39" s="43"/>
      <c r="I39" s="30"/>
      <c r="J39" s="152"/>
      <c r="K39" s="139"/>
      <c r="L39" s="139"/>
      <c r="M39" s="153"/>
    </row>
    <row r="40" spans="1:13" ht="20.25" customHeight="1" x14ac:dyDescent="0.25">
      <c r="A40" s="46"/>
      <c r="B40" s="85"/>
      <c r="C40" s="83"/>
      <c r="D40" s="75"/>
      <c r="E40" s="85"/>
      <c r="F40" s="83"/>
      <c r="G40" s="77"/>
      <c r="H40" s="21"/>
      <c r="I40" s="30"/>
      <c r="J40" s="152"/>
      <c r="K40" s="139"/>
      <c r="L40" s="139"/>
      <c r="M40" s="153"/>
    </row>
    <row r="41" spans="1:13" ht="20.25" customHeight="1" x14ac:dyDescent="0.25">
      <c r="A41" s="10"/>
      <c r="B41" s="85"/>
      <c r="C41" s="83"/>
      <c r="D41" s="75"/>
      <c r="E41" s="85"/>
      <c r="F41" s="83"/>
      <c r="G41" s="77"/>
      <c r="H41" s="37"/>
      <c r="I41" s="30"/>
      <c r="J41" s="152"/>
      <c r="K41" s="139"/>
      <c r="L41" s="139"/>
      <c r="M41" s="153"/>
    </row>
    <row r="42" spans="1:13" ht="20.25" customHeight="1" x14ac:dyDescent="0.25">
      <c r="A42" s="10"/>
      <c r="B42" s="85"/>
      <c r="C42" s="83"/>
      <c r="D42" s="75"/>
      <c r="E42" s="85"/>
      <c r="F42" s="83"/>
      <c r="G42" s="77"/>
      <c r="H42" s="37"/>
      <c r="I42" s="30"/>
      <c r="J42" s="152"/>
      <c r="K42" s="139"/>
      <c r="L42" s="139"/>
      <c r="M42" s="153"/>
    </row>
    <row r="43" spans="1:13" ht="20.25" customHeight="1" x14ac:dyDescent="0.25">
      <c r="A43" s="10"/>
      <c r="B43" s="41"/>
      <c r="C43" s="40"/>
      <c r="D43" s="75"/>
      <c r="E43" s="85"/>
      <c r="F43" s="83"/>
      <c r="G43" s="77"/>
      <c r="H43" s="48"/>
      <c r="I43" s="30"/>
      <c r="J43" s="152"/>
      <c r="K43" s="139"/>
      <c r="L43" s="139"/>
      <c r="M43" s="153"/>
    </row>
    <row r="44" spans="1:13" ht="20.25" customHeight="1" thickBot="1" x14ac:dyDescent="0.3">
      <c r="A44" s="35"/>
      <c r="B44" s="41"/>
      <c r="C44" s="40"/>
      <c r="D44" s="75"/>
      <c r="E44" s="85"/>
      <c r="F44" s="83"/>
      <c r="G44" s="77"/>
      <c r="H44" s="14"/>
      <c r="I44" s="30"/>
      <c r="J44" s="152"/>
      <c r="K44" s="139"/>
      <c r="L44" s="139"/>
      <c r="M44" s="153"/>
    </row>
    <row r="45" spans="1:13" ht="21" customHeight="1" thickBot="1" x14ac:dyDescent="0.3">
      <c r="A45" s="35"/>
      <c r="B45" s="137" t="s">
        <v>28</v>
      </c>
      <c r="C45" s="138"/>
      <c r="D45" s="103"/>
      <c r="E45" s="137" t="s">
        <v>29</v>
      </c>
      <c r="F45" s="138"/>
      <c r="G45" s="78"/>
      <c r="H45" s="21"/>
      <c r="I45" s="30"/>
      <c r="J45" s="152"/>
      <c r="K45" s="139"/>
      <c r="L45" s="139"/>
      <c r="M45" s="153"/>
    </row>
    <row r="46" spans="1:13" ht="19.2" x14ac:dyDescent="0.25">
      <c r="A46" s="23"/>
      <c r="B46" s="14"/>
      <c r="C46" s="14"/>
      <c r="D46" s="14"/>
      <c r="E46" s="14"/>
      <c r="F46" s="14"/>
      <c r="G46" s="14"/>
      <c r="H46" s="14"/>
      <c r="I46" s="30"/>
      <c r="J46" s="152"/>
      <c r="K46" s="139"/>
      <c r="L46" s="139"/>
      <c r="M46" s="153"/>
    </row>
    <row r="47" spans="1:13" ht="19.2" x14ac:dyDescent="0.25">
      <c r="A47" s="23"/>
      <c r="B47" s="21"/>
      <c r="C47" s="21"/>
      <c r="D47" s="21"/>
      <c r="E47" s="21"/>
      <c r="F47" s="21"/>
      <c r="G47" s="21"/>
      <c r="H47" s="21"/>
      <c r="I47" s="30"/>
      <c r="J47" s="152"/>
      <c r="K47" s="139"/>
      <c r="L47" s="139"/>
      <c r="M47" s="153"/>
    </row>
    <row r="48" spans="1:13" ht="18.75" customHeight="1" x14ac:dyDescent="0.2">
      <c r="A48" s="49"/>
      <c r="B48" s="50"/>
      <c r="C48" s="50"/>
      <c r="D48" s="50"/>
      <c r="E48" s="50"/>
      <c r="F48" s="50"/>
      <c r="G48" s="50"/>
      <c r="H48" s="50"/>
      <c r="I48" s="51"/>
      <c r="J48" s="152"/>
      <c r="K48" s="139"/>
      <c r="L48" s="139"/>
      <c r="M48" s="153"/>
    </row>
    <row r="49" spans="1:13" ht="21.75" customHeight="1" x14ac:dyDescent="0.25">
      <c r="A49" s="46" t="s">
        <v>81</v>
      </c>
      <c r="B49" s="14"/>
      <c r="C49" s="101"/>
      <c r="D49" s="14"/>
      <c r="E49" s="14"/>
      <c r="F49" s="50"/>
      <c r="G49" s="50"/>
      <c r="H49" s="50"/>
      <c r="I49" s="51"/>
      <c r="J49" s="152"/>
      <c r="K49" s="139"/>
      <c r="L49" s="139"/>
      <c r="M49" s="153"/>
    </row>
    <row r="50" spans="1:13" ht="24.75" customHeight="1" x14ac:dyDescent="0.25">
      <c r="A50" s="46"/>
      <c r="B50" s="14"/>
      <c r="C50" s="52"/>
      <c r="D50" s="14"/>
      <c r="E50" s="14"/>
      <c r="F50" s="53"/>
      <c r="G50" s="53"/>
      <c r="H50" s="53"/>
      <c r="I50" s="51"/>
      <c r="J50" s="152"/>
      <c r="K50" s="139"/>
      <c r="L50" s="139"/>
      <c r="M50" s="153"/>
    </row>
    <row r="51" spans="1:13" ht="24.75" customHeight="1" x14ac:dyDescent="0.25">
      <c r="A51" s="46"/>
      <c r="B51" s="54"/>
      <c r="C51" s="91"/>
      <c r="D51" s="55"/>
      <c r="E51" s="56"/>
      <c r="F51" s="57"/>
      <c r="G51" s="57"/>
      <c r="H51" s="57"/>
      <c r="I51" s="51"/>
      <c r="J51" s="154"/>
      <c r="K51" s="155"/>
      <c r="L51" s="155"/>
      <c r="M51" s="156"/>
    </row>
    <row r="52" spans="1:13" ht="24.75" customHeight="1" x14ac:dyDescent="0.25">
      <c r="A52" s="10" t="s">
        <v>82</v>
      </c>
      <c r="B52" s="14"/>
      <c r="C52" s="102"/>
      <c r="D52" s="14"/>
      <c r="E52" s="14"/>
      <c r="F52" s="57"/>
      <c r="G52" s="57"/>
      <c r="H52" s="57"/>
      <c r="I52" s="51"/>
      <c r="J52" s="145"/>
      <c r="K52" s="146"/>
      <c r="L52" s="146"/>
      <c r="M52" s="147"/>
    </row>
    <row r="53" spans="1:13" ht="24.75" customHeight="1" x14ac:dyDescent="0.25">
      <c r="A53" s="10"/>
      <c r="B53" s="54" t="s">
        <v>53</v>
      </c>
      <c r="C53" s="73"/>
      <c r="D53" s="55"/>
      <c r="E53" s="56"/>
      <c r="F53" s="57"/>
      <c r="G53" s="57"/>
      <c r="H53" s="57"/>
      <c r="I53" s="51"/>
      <c r="J53" s="134" t="s">
        <v>201</v>
      </c>
      <c r="K53" s="135"/>
      <c r="L53" s="135"/>
      <c r="M53" s="148"/>
    </row>
    <row r="54" spans="1:13" ht="14.25" customHeight="1" x14ac:dyDescent="0.2">
      <c r="A54" s="23"/>
      <c r="B54" s="58"/>
      <c r="C54" s="57"/>
      <c r="D54" s="57"/>
      <c r="E54" s="57"/>
      <c r="F54" s="57"/>
      <c r="G54" s="57"/>
      <c r="H54" s="57"/>
      <c r="I54" s="51"/>
      <c r="J54" s="149"/>
      <c r="K54" s="150"/>
      <c r="L54" s="150"/>
      <c r="M54" s="148"/>
    </row>
    <row r="55" spans="1:13" ht="32.25" customHeight="1" x14ac:dyDescent="0.2">
      <c r="A55" s="49"/>
      <c r="B55" s="21"/>
      <c r="C55" s="21"/>
      <c r="D55" s="21"/>
      <c r="E55" s="21"/>
      <c r="F55" s="21"/>
      <c r="G55" s="21"/>
      <c r="H55" s="21"/>
      <c r="I55" s="51"/>
      <c r="J55" s="134" t="s">
        <v>203</v>
      </c>
      <c r="K55" s="135"/>
      <c r="L55" s="135"/>
      <c r="M55" s="151"/>
    </row>
    <row r="56" spans="1:13" ht="30" customHeight="1" thickBot="1" x14ac:dyDescent="0.25">
      <c r="A56" s="59"/>
      <c r="B56" s="60"/>
      <c r="C56" s="60"/>
      <c r="D56" s="60"/>
      <c r="E56" s="60"/>
      <c r="F56" s="60"/>
      <c r="G56" s="60"/>
      <c r="H56" s="60"/>
      <c r="I56" s="61"/>
      <c r="J56" s="62"/>
      <c r="K56" s="62"/>
      <c r="L56" s="62"/>
      <c r="M56" s="63"/>
    </row>
    <row r="57" spans="1:13" ht="15" thickTop="1" x14ac:dyDescent="0.2">
      <c r="B57" s="3"/>
      <c r="C57" s="3"/>
      <c r="D57" s="3"/>
      <c r="E57" s="3"/>
      <c r="F57" s="3"/>
      <c r="G57" s="3"/>
      <c r="H57" s="3"/>
      <c r="I57" s="3"/>
    </row>
  </sheetData>
  <mergeCells count="22">
    <mergeCell ref="J52:M52"/>
    <mergeCell ref="J53:M53"/>
    <mergeCell ref="J54:M54"/>
    <mergeCell ref="J55:M55"/>
    <mergeCell ref="J21:M51"/>
    <mergeCell ref="B45:C45"/>
    <mergeCell ref="E45:F45"/>
    <mergeCell ref="K6:L8"/>
    <mergeCell ref="K13:L16"/>
    <mergeCell ref="K18:L18"/>
    <mergeCell ref="K10:L10"/>
    <mergeCell ref="B26:C26"/>
    <mergeCell ref="E26:F26"/>
    <mergeCell ref="B37:C37"/>
    <mergeCell ref="E37:F37"/>
    <mergeCell ref="B39:C39"/>
    <mergeCell ref="E39:F39"/>
    <mergeCell ref="A1:M1"/>
    <mergeCell ref="A2:I2"/>
    <mergeCell ref="J2:M2"/>
    <mergeCell ref="J3:M3"/>
    <mergeCell ref="J4:M4"/>
  </mergeCells>
  <phoneticPr fontId="8"/>
  <pageMargins left="0.43307086614173229" right="0.23622047244094491" top="0.43307086614173229" bottom="0.39370078740157483" header="0.31496062992125984" footer="0.31496062992125984"/>
  <pageSetup paperSize="9" scale="48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07"/>
  <sheetViews>
    <sheetView view="pageBreakPreview" zoomScaleNormal="50" zoomScaleSheetLayoutView="100" workbookViewId="0">
      <selection activeCell="E53" sqref="E53"/>
    </sheetView>
  </sheetViews>
  <sheetFormatPr defaultColWidth="9" defaultRowHeight="14.4" x14ac:dyDescent="0.2"/>
  <cols>
    <col min="1" max="1" width="5" style="2" customWidth="1"/>
    <col min="2" max="2" width="23.3984375" style="2" customWidth="1"/>
    <col min="3" max="3" width="10.8984375" style="2" customWidth="1"/>
    <col min="4" max="4" width="15.3984375" style="2" customWidth="1"/>
    <col min="5" max="5" width="18.09765625" style="2" bestFit="1" customWidth="1"/>
    <col min="6" max="6" width="10.3984375" style="2" customWidth="1"/>
    <col min="7" max="8" width="15.3984375" style="2" customWidth="1"/>
    <col min="9" max="10" width="4.8984375" style="2" customWidth="1"/>
    <col min="11" max="11" width="64.09765625" style="2" customWidth="1"/>
    <col min="12" max="12" width="70.59765625" style="2" customWidth="1"/>
    <col min="13" max="13" width="6.19921875" style="2" customWidth="1"/>
    <col min="14" max="16384" width="9" style="2"/>
  </cols>
  <sheetData>
    <row r="1" spans="1:13" ht="56.25" customHeight="1" thickBot="1" x14ac:dyDescent="0.25">
      <c r="A1" s="125" t="s">
        <v>30</v>
      </c>
      <c r="B1" s="125"/>
      <c r="C1" s="125"/>
      <c r="D1" s="125"/>
      <c r="E1" s="125"/>
      <c r="F1" s="125"/>
      <c r="G1" s="125"/>
      <c r="H1" s="125"/>
      <c r="I1" s="125"/>
      <c r="J1" s="125"/>
      <c r="K1" s="125"/>
      <c r="L1" s="125"/>
      <c r="M1" s="125"/>
    </row>
    <row r="2" spans="1:13" ht="25.5" customHeight="1" thickTop="1" thickBot="1" x14ac:dyDescent="0.25">
      <c r="A2" s="126" t="s">
        <v>0</v>
      </c>
      <c r="B2" s="127"/>
      <c r="C2" s="127"/>
      <c r="D2" s="127"/>
      <c r="E2" s="127"/>
      <c r="F2" s="127"/>
      <c r="G2" s="127"/>
      <c r="H2" s="127"/>
      <c r="I2" s="128"/>
      <c r="J2" s="129" t="s">
        <v>34</v>
      </c>
      <c r="K2" s="127"/>
      <c r="L2" s="127"/>
      <c r="M2" s="130"/>
    </row>
    <row r="3" spans="1:13" ht="13.5" customHeight="1" thickTop="1" x14ac:dyDescent="0.2">
      <c r="A3" s="7" t="s">
        <v>46</v>
      </c>
      <c r="B3" s="8"/>
      <c r="C3" s="8"/>
      <c r="D3" s="8"/>
      <c r="E3" s="8"/>
      <c r="F3" s="8"/>
      <c r="G3" s="8"/>
      <c r="H3" s="8"/>
      <c r="I3" s="9"/>
      <c r="J3" s="131"/>
      <c r="K3" s="132"/>
      <c r="L3" s="132"/>
      <c r="M3" s="133"/>
    </row>
    <row r="4" spans="1:13" ht="18.75" customHeight="1" x14ac:dyDescent="0.25">
      <c r="A4" s="10"/>
      <c r="B4" s="11"/>
      <c r="C4" s="12"/>
      <c r="D4" s="11"/>
      <c r="E4" s="11"/>
      <c r="F4" s="11"/>
      <c r="G4" s="11"/>
      <c r="H4" s="11"/>
      <c r="I4" s="13"/>
      <c r="J4" s="134" t="s">
        <v>204</v>
      </c>
      <c r="K4" s="135"/>
      <c r="L4" s="135"/>
      <c r="M4" s="136"/>
    </row>
    <row r="5" spans="1:13" ht="18.75" customHeight="1" x14ac:dyDescent="0.25">
      <c r="A5" s="10" t="s">
        <v>48</v>
      </c>
      <c r="B5" s="11"/>
      <c r="C5" s="72" t="s">
        <v>76</v>
      </c>
      <c r="D5" s="14"/>
      <c r="E5" s="14"/>
      <c r="F5" s="160" t="s">
        <v>125</v>
      </c>
      <c r="G5" s="161"/>
      <c r="H5" s="162"/>
      <c r="I5" s="14"/>
      <c r="J5" s="15"/>
      <c r="K5" s="70" t="s">
        <v>111</v>
      </c>
      <c r="L5" s="71"/>
      <c r="M5" s="16"/>
    </row>
    <row r="6" spans="1:13" ht="18.75" customHeight="1" x14ac:dyDescent="0.25">
      <c r="A6" s="10"/>
      <c r="B6" s="17"/>
      <c r="C6" s="17"/>
      <c r="D6" s="17"/>
      <c r="E6" s="17"/>
      <c r="F6" s="163"/>
      <c r="G6" s="164"/>
      <c r="H6" s="165"/>
      <c r="I6" s="18"/>
      <c r="J6" s="15"/>
      <c r="K6" s="139" t="s">
        <v>114</v>
      </c>
      <c r="L6" s="139"/>
      <c r="M6" s="16"/>
    </row>
    <row r="7" spans="1:13" ht="18.75" customHeight="1" x14ac:dyDescent="0.2">
      <c r="A7" s="19"/>
      <c r="B7" s="11"/>
      <c r="C7" s="12"/>
      <c r="D7" s="11"/>
      <c r="E7" s="11"/>
      <c r="F7" s="11"/>
      <c r="G7" s="11"/>
      <c r="H7" s="11"/>
      <c r="I7" s="13"/>
      <c r="J7" s="15"/>
      <c r="K7" s="139"/>
      <c r="L7" s="139"/>
      <c r="M7" s="16"/>
    </row>
    <row r="8" spans="1:13" ht="18.75" customHeight="1" x14ac:dyDescent="0.25">
      <c r="A8" s="10" t="s">
        <v>49</v>
      </c>
      <c r="B8" s="17"/>
      <c r="C8" s="73" t="s">
        <v>83</v>
      </c>
      <c r="D8" s="21"/>
      <c r="E8" s="21"/>
      <c r="F8" s="21"/>
      <c r="G8" s="21"/>
      <c r="H8" s="21"/>
      <c r="I8" s="22"/>
      <c r="J8" s="15"/>
      <c r="K8" s="139"/>
      <c r="L8" s="139"/>
      <c r="M8" s="16"/>
    </row>
    <row r="9" spans="1:13" ht="18.75" customHeight="1" x14ac:dyDescent="0.25">
      <c r="A9" s="23"/>
      <c r="B9" s="14"/>
      <c r="C9" s="73" t="s">
        <v>84</v>
      </c>
      <c r="D9" s="14"/>
      <c r="E9" s="14"/>
      <c r="F9" s="14"/>
      <c r="G9" s="14"/>
      <c r="H9" s="14"/>
      <c r="I9" s="14"/>
      <c r="J9" s="15"/>
      <c r="K9" s="70" t="s">
        <v>110</v>
      </c>
      <c r="L9" s="31"/>
      <c r="M9" s="16"/>
    </row>
    <row r="10" spans="1:13" ht="19.5" customHeight="1" x14ac:dyDescent="0.25">
      <c r="A10" s="10"/>
      <c r="B10" s="17"/>
      <c r="C10" s="17"/>
      <c r="D10" s="17"/>
      <c r="E10" s="17"/>
      <c r="F10" s="17"/>
      <c r="G10" s="17"/>
      <c r="H10" s="17"/>
      <c r="I10" s="18"/>
      <c r="J10" s="24"/>
      <c r="K10" s="142" t="s">
        <v>115</v>
      </c>
      <c r="L10" s="142"/>
      <c r="M10" s="25"/>
    </row>
    <row r="11" spans="1:13" ht="18.75" customHeight="1" x14ac:dyDescent="0.25">
      <c r="A11" s="26"/>
      <c r="B11" s="21"/>
      <c r="C11" s="74"/>
      <c r="D11" s="17"/>
      <c r="E11" s="17"/>
      <c r="F11" s="17"/>
      <c r="G11" s="17"/>
      <c r="H11" s="17"/>
      <c r="I11" s="18"/>
      <c r="J11" s="15"/>
      <c r="K11" s="31"/>
      <c r="L11" s="31"/>
      <c r="M11" s="16"/>
    </row>
    <row r="12" spans="1:13" ht="19.2" x14ac:dyDescent="0.25">
      <c r="A12" s="27" t="s">
        <v>86</v>
      </c>
      <c r="B12" s="17"/>
      <c r="C12" s="73" t="s">
        <v>87</v>
      </c>
      <c r="D12" s="17"/>
      <c r="E12" s="17"/>
      <c r="F12" s="17"/>
      <c r="G12" s="17"/>
      <c r="H12" s="17"/>
      <c r="I12" s="18"/>
      <c r="J12" s="15"/>
      <c r="K12" s="70" t="s">
        <v>113</v>
      </c>
      <c r="L12" s="31"/>
      <c r="M12" s="16"/>
    </row>
    <row r="13" spans="1:13" ht="18.75" customHeight="1" x14ac:dyDescent="0.25">
      <c r="A13" s="23"/>
      <c r="B13" s="17"/>
      <c r="C13" s="73" t="s">
        <v>119</v>
      </c>
      <c r="D13" s="17"/>
      <c r="E13" s="17"/>
      <c r="F13" s="17"/>
      <c r="G13" s="17"/>
      <c r="H13" s="17"/>
      <c r="I13" s="18"/>
      <c r="J13" s="15"/>
      <c r="K13" s="139" t="s">
        <v>60</v>
      </c>
      <c r="L13" s="139"/>
      <c r="M13" s="16"/>
    </row>
    <row r="14" spans="1:13" ht="18.75" customHeight="1" x14ac:dyDescent="0.25">
      <c r="A14" s="10"/>
      <c r="B14" s="17"/>
      <c r="C14" s="17"/>
      <c r="D14" s="17"/>
      <c r="E14" s="17"/>
      <c r="F14" s="17"/>
      <c r="G14" s="17"/>
      <c r="H14" s="17"/>
      <c r="I14" s="18"/>
      <c r="J14" s="15"/>
      <c r="K14" s="139"/>
      <c r="L14" s="139"/>
      <c r="M14" s="16"/>
    </row>
    <row r="15" spans="1:13" ht="18.75" customHeight="1" x14ac:dyDescent="0.25">
      <c r="A15" s="26"/>
      <c r="B15" s="17"/>
      <c r="C15" s="17"/>
      <c r="D15" s="17"/>
      <c r="E15" s="81"/>
      <c r="F15" s="17"/>
      <c r="G15" s="17"/>
      <c r="H15" s="17"/>
      <c r="I15" s="18"/>
      <c r="J15" s="15"/>
      <c r="K15" s="139"/>
      <c r="L15" s="139"/>
      <c r="M15" s="16"/>
    </row>
    <row r="16" spans="1:13" ht="18.75" customHeight="1" x14ac:dyDescent="0.25">
      <c r="A16" s="26" t="s">
        <v>85</v>
      </c>
      <c r="B16" s="17"/>
      <c r="C16" s="73" t="s">
        <v>108</v>
      </c>
      <c r="D16" s="111" t="s">
        <v>109</v>
      </c>
      <c r="E16" s="110" t="s">
        <v>107</v>
      </c>
      <c r="F16" s="17"/>
      <c r="G16" s="17"/>
      <c r="H16" s="17"/>
      <c r="I16" s="18"/>
      <c r="J16" s="15"/>
      <c r="K16" s="139"/>
      <c r="L16" s="139"/>
      <c r="M16" s="16"/>
    </row>
    <row r="17" spans="1:13" ht="18.75" customHeight="1" x14ac:dyDescent="0.25">
      <c r="A17" s="23"/>
      <c r="B17" s="17"/>
      <c r="C17" s="17" t="s">
        <v>120</v>
      </c>
      <c r="D17" s="112" t="s">
        <v>121</v>
      </c>
      <c r="E17" s="95" t="s">
        <v>107</v>
      </c>
      <c r="F17" s="14"/>
      <c r="G17" s="14"/>
      <c r="H17" s="81"/>
      <c r="I17" s="28"/>
      <c r="J17" s="15"/>
      <c r="K17" s="70" t="s">
        <v>112</v>
      </c>
      <c r="L17" s="31"/>
      <c r="M17" s="16"/>
    </row>
    <row r="18" spans="1:13" ht="18.75" customHeight="1" x14ac:dyDescent="0.25">
      <c r="A18" s="94"/>
      <c r="B18" s="17"/>
      <c r="C18" s="17"/>
      <c r="D18" s="14"/>
      <c r="E18" s="95"/>
      <c r="F18" s="14"/>
      <c r="G18" s="14"/>
      <c r="H18" s="81"/>
      <c r="I18" s="29"/>
      <c r="J18" s="15"/>
      <c r="K18" s="140" t="s">
        <v>116</v>
      </c>
      <c r="L18" s="141"/>
      <c r="M18" s="16"/>
    </row>
    <row r="19" spans="1:13" ht="19.2" x14ac:dyDescent="0.25">
      <c r="A19" s="94"/>
      <c r="B19" s="14"/>
      <c r="C19" s="17"/>
      <c r="D19" s="14"/>
      <c r="E19" s="95"/>
      <c r="F19" s="14"/>
      <c r="G19" s="14"/>
      <c r="H19" s="20"/>
      <c r="I19" s="30"/>
      <c r="J19" s="15"/>
      <c r="K19" s="31"/>
      <c r="L19" s="31"/>
      <c r="M19" s="16"/>
    </row>
    <row r="20" spans="1:13" ht="19.2" x14ac:dyDescent="0.25">
      <c r="A20" s="94" t="s">
        <v>77</v>
      </c>
      <c r="B20" s="14"/>
      <c r="C20" s="17" t="s">
        <v>78</v>
      </c>
      <c r="D20" s="14"/>
      <c r="E20" s="96" t="s">
        <v>200</v>
      </c>
      <c r="F20" s="14"/>
      <c r="G20" s="14"/>
      <c r="H20" s="32"/>
      <c r="I20" s="30"/>
      <c r="J20" s="33" t="s">
        <v>206</v>
      </c>
      <c r="K20" s="31"/>
      <c r="L20" s="31"/>
      <c r="M20" s="34"/>
    </row>
    <row r="21" spans="1:13" ht="19.5" customHeight="1" x14ac:dyDescent="0.25">
      <c r="A21" s="35"/>
      <c r="B21" s="14"/>
      <c r="C21" s="17" t="s">
        <v>79</v>
      </c>
      <c r="D21" s="14"/>
      <c r="E21" s="97" t="s">
        <v>88</v>
      </c>
      <c r="F21" s="14"/>
      <c r="G21" s="14"/>
      <c r="H21" s="36"/>
      <c r="I21" s="37"/>
      <c r="J21" s="152" t="s">
        <v>207</v>
      </c>
      <c r="K21" s="139"/>
      <c r="L21" s="139"/>
      <c r="M21" s="153"/>
    </row>
    <row r="22" spans="1:13" ht="19.5" customHeight="1" x14ac:dyDescent="0.25">
      <c r="A22" s="35"/>
      <c r="B22" s="14"/>
      <c r="C22" s="17" t="s">
        <v>58</v>
      </c>
      <c r="D22" s="14"/>
      <c r="E22" s="96" t="s">
        <v>89</v>
      </c>
      <c r="F22" s="14"/>
      <c r="G22" s="14"/>
      <c r="H22" s="36"/>
      <c r="I22" s="30"/>
      <c r="J22" s="152"/>
      <c r="K22" s="139"/>
      <c r="L22" s="139"/>
      <c r="M22" s="153"/>
    </row>
    <row r="23" spans="1:13" ht="19.2" x14ac:dyDescent="0.25">
      <c r="A23" s="10"/>
      <c r="B23" s="14"/>
      <c r="C23" s="17" t="s">
        <v>59</v>
      </c>
      <c r="D23" s="14"/>
      <c r="E23" s="96" t="s">
        <v>90</v>
      </c>
      <c r="F23" s="14"/>
      <c r="G23" s="14"/>
      <c r="H23" s="36"/>
      <c r="I23" s="30"/>
      <c r="J23" s="152"/>
      <c r="K23" s="139"/>
      <c r="L23" s="139"/>
      <c r="M23" s="153"/>
    </row>
    <row r="24" spans="1:13" ht="19.5" customHeight="1" x14ac:dyDescent="0.25">
      <c r="A24" s="35"/>
      <c r="B24" s="14"/>
      <c r="C24" s="92" t="s">
        <v>80</v>
      </c>
      <c r="D24" s="14"/>
      <c r="E24" s="96" t="s">
        <v>106</v>
      </c>
      <c r="F24" s="14"/>
      <c r="G24" s="14"/>
      <c r="H24" s="36"/>
      <c r="I24" s="30"/>
      <c r="J24" s="152"/>
      <c r="K24" s="139"/>
      <c r="L24" s="139"/>
      <c r="M24" s="153"/>
    </row>
    <row r="25" spans="1:13" ht="19.5" customHeight="1" thickBot="1" x14ac:dyDescent="0.3">
      <c r="A25" s="35"/>
      <c r="B25" s="14"/>
      <c r="C25" s="14"/>
      <c r="D25" s="14"/>
      <c r="E25" s="14"/>
      <c r="F25" s="14"/>
      <c r="G25" s="14"/>
      <c r="H25" s="36"/>
      <c r="I25" s="30"/>
      <c r="J25" s="152"/>
      <c r="K25" s="139"/>
      <c r="L25" s="139"/>
      <c r="M25" s="153"/>
    </row>
    <row r="26" spans="1:13" ht="20.25" customHeight="1" thickBot="1" x14ac:dyDescent="0.3">
      <c r="A26" s="35"/>
      <c r="B26" s="143" t="s">
        <v>41</v>
      </c>
      <c r="C26" s="144"/>
      <c r="D26" s="38" t="s">
        <v>122</v>
      </c>
      <c r="E26" s="137" t="s">
        <v>36</v>
      </c>
      <c r="F26" s="138"/>
      <c r="G26" s="39" t="s">
        <v>122</v>
      </c>
      <c r="H26" s="36"/>
      <c r="I26" s="30"/>
      <c r="J26" s="152"/>
      <c r="K26" s="139"/>
      <c r="L26" s="139"/>
      <c r="M26" s="153"/>
    </row>
    <row r="27" spans="1:13" ht="20.25" customHeight="1" x14ac:dyDescent="0.25">
      <c r="A27" s="35"/>
      <c r="B27" s="82" t="s">
        <v>1</v>
      </c>
      <c r="C27" s="83" t="s">
        <v>62</v>
      </c>
      <c r="D27" s="75" t="s">
        <v>91</v>
      </c>
      <c r="E27" s="85" t="s">
        <v>133</v>
      </c>
      <c r="F27" s="83" t="s">
        <v>156</v>
      </c>
      <c r="G27" s="100" t="s">
        <v>98</v>
      </c>
      <c r="H27" s="36"/>
      <c r="I27" s="30"/>
      <c r="J27" s="152"/>
      <c r="K27" s="139"/>
      <c r="L27" s="139"/>
      <c r="M27" s="153"/>
    </row>
    <row r="28" spans="1:13" ht="20.25" customHeight="1" x14ac:dyDescent="0.25">
      <c r="A28" s="35"/>
      <c r="B28" s="82" t="s">
        <v>3</v>
      </c>
      <c r="C28" s="83" t="s">
        <v>63</v>
      </c>
      <c r="D28" s="75" t="s">
        <v>92</v>
      </c>
      <c r="E28" s="85" t="s">
        <v>132</v>
      </c>
      <c r="F28" s="83" t="s">
        <v>157</v>
      </c>
      <c r="G28" s="77" t="s">
        <v>99</v>
      </c>
      <c r="H28" s="36"/>
      <c r="I28" s="30"/>
      <c r="J28" s="152"/>
      <c r="K28" s="139"/>
      <c r="L28" s="139"/>
      <c r="M28" s="153"/>
    </row>
    <row r="29" spans="1:13" ht="20.25" customHeight="1" x14ac:dyDescent="0.25">
      <c r="A29" s="35"/>
      <c r="B29" s="84" t="s">
        <v>5</v>
      </c>
      <c r="C29" s="83" t="s">
        <v>64</v>
      </c>
      <c r="D29" s="75" t="s">
        <v>93</v>
      </c>
      <c r="E29" s="85" t="s">
        <v>129</v>
      </c>
      <c r="F29" s="83" t="s">
        <v>72</v>
      </c>
      <c r="G29" s="77" t="s">
        <v>100</v>
      </c>
      <c r="H29" s="36"/>
      <c r="I29" s="30"/>
      <c r="J29" s="152"/>
      <c r="K29" s="139"/>
      <c r="L29" s="139"/>
      <c r="M29" s="153"/>
    </row>
    <row r="30" spans="1:13" ht="20.25" customHeight="1" x14ac:dyDescent="0.35">
      <c r="A30" s="35"/>
      <c r="B30" s="85" t="s">
        <v>6</v>
      </c>
      <c r="C30" s="83" t="s">
        <v>65</v>
      </c>
      <c r="D30" s="75" t="s">
        <v>94</v>
      </c>
      <c r="E30" s="85" t="s">
        <v>37</v>
      </c>
      <c r="F30" s="83" t="s">
        <v>158</v>
      </c>
      <c r="G30" s="77" t="s">
        <v>101</v>
      </c>
      <c r="H30" s="36"/>
      <c r="I30" s="30"/>
      <c r="J30" s="152"/>
      <c r="K30" s="139"/>
      <c r="L30" s="139"/>
      <c r="M30" s="153"/>
    </row>
    <row r="31" spans="1:13" ht="20.25" customHeight="1" x14ac:dyDescent="0.35">
      <c r="A31" s="35"/>
      <c r="B31" s="86" t="s">
        <v>8</v>
      </c>
      <c r="C31" s="83" t="s">
        <v>66</v>
      </c>
      <c r="D31" s="75" t="s">
        <v>95</v>
      </c>
      <c r="E31" s="85" t="s">
        <v>153</v>
      </c>
      <c r="F31" s="83" t="s">
        <v>159</v>
      </c>
      <c r="G31" s="98" t="s">
        <v>96</v>
      </c>
      <c r="H31" s="36"/>
      <c r="I31" s="30"/>
      <c r="J31" s="152"/>
      <c r="K31" s="139"/>
      <c r="L31" s="139"/>
      <c r="M31" s="153"/>
    </row>
    <row r="32" spans="1:13" ht="20.25" customHeight="1" x14ac:dyDescent="0.35">
      <c r="A32" s="35"/>
      <c r="B32" s="85" t="s">
        <v>11</v>
      </c>
      <c r="C32" s="83" t="s">
        <v>67</v>
      </c>
      <c r="D32" s="75" t="s">
        <v>96</v>
      </c>
      <c r="E32" s="85" t="s">
        <v>154</v>
      </c>
      <c r="F32" s="83" t="s">
        <v>160</v>
      </c>
      <c r="G32" s="98" t="s">
        <v>93</v>
      </c>
      <c r="H32" s="42"/>
      <c r="I32" s="30"/>
      <c r="J32" s="152"/>
      <c r="K32" s="139"/>
      <c r="L32" s="139"/>
      <c r="M32" s="153"/>
    </row>
    <row r="33" spans="1:13" ht="20.25" customHeight="1" x14ac:dyDescent="0.35">
      <c r="A33" s="35"/>
      <c r="B33" s="85" t="s">
        <v>16</v>
      </c>
      <c r="C33" s="83" t="s">
        <v>69</v>
      </c>
      <c r="D33" s="75" t="s">
        <v>97</v>
      </c>
      <c r="E33" s="85" t="s">
        <v>155</v>
      </c>
      <c r="F33" s="83" t="s">
        <v>161</v>
      </c>
      <c r="G33" s="98" t="s">
        <v>102</v>
      </c>
      <c r="H33" s="32"/>
      <c r="I33" s="30"/>
      <c r="J33" s="152"/>
      <c r="K33" s="139"/>
      <c r="L33" s="139"/>
      <c r="M33" s="153"/>
    </row>
    <row r="34" spans="1:13" ht="20.25" customHeight="1" x14ac:dyDescent="0.35">
      <c r="A34" s="35"/>
      <c r="B34" s="85" t="s">
        <v>18</v>
      </c>
      <c r="C34" s="83" t="s">
        <v>70</v>
      </c>
      <c r="D34" s="75" t="s">
        <v>97</v>
      </c>
      <c r="E34" s="85" t="s">
        <v>190</v>
      </c>
      <c r="F34" s="83" t="s">
        <v>73</v>
      </c>
      <c r="G34" s="98" t="s">
        <v>100</v>
      </c>
      <c r="H34" s="43"/>
      <c r="I34" s="30"/>
      <c r="J34" s="152"/>
      <c r="K34" s="139"/>
      <c r="L34" s="139"/>
      <c r="M34" s="153"/>
    </row>
    <row r="35" spans="1:13" ht="20.25" customHeight="1" x14ac:dyDescent="0.35">
      <c r="A35" s="35"/>
      <c r="B35" s="85" t="s">
        <v>134</v>
      </c>
      <c r="C35" s="83" t="s">
        <v>68</v>
      </c>
      <c r="D35" s="75" t="s">
        <v>97</v>
      </c>
      <c r="E35" s="85" t="s">
        <v>185</v>
      </c>
      <c r="F35" s="83" t="s">
        <v>74</v>
      </c>
      <c r="G35" s="98" t="s">
        <v>103</v>
      </c>
      <c r="H35" s="43"/>
      <c r="I35" s="30"/>
      <c r="J35" s="152"/>
      <c r="K35" s="139"/>
      <c r="L35" s="139"/>
      <c r="M35" s="153"/>
    </row>
    <row r="36" spans="1:13" ht="20.25" customHeight="1" thickBot="1" x14ac:dyDescent="0.3">
      <c r="A36" s="35"/>
      <c r="B36" s="87" t="s">
        <v>20</v>
      </c>
      <c r="C36" s="88" t="s">
        <v>71</v>
      </c>
      <c r="D36" s="75" t="s">
        <v>97</v>
      </c>
      <c r="E36" s="41"/>
      <c r="F36" s="44"/>
      <c r="G36" s="76"/>
      <c r="H36" s="43"/>
      <c r="I36" s="30"/>
      <c r="J36" s="152"/>
      <c r="K36" s="139"/>
      <c r="L36" s="139"/>
      <c r="M36" s="153"/>
    </row>
    <row r="37" spans="1:13" ht="20.25" customHeight="1" thickBot="1" x14ac:dyDescent="0.3">
      <c r="A37" s="45"/>
      <c r="B37" s="137" t="s">
        <v>35</v>
      </c>
      <c r="C37" s="138"/>
      <c r="D37" s="103" t="s">
        <v>196</v>
      </c>
      <c r="E37" s="137" t="s">
        <v>21</v>
      </c>
      <c r="F37" s="138"/>
      <c r="G37" s="99" t="s">
        <v>197</v>
      </c>
      <c r="H37" s="43"/>
      <c r="I37" s="30"/>
      <c r="J37" s="152"/>
      <c r="K37" s="139"/>
      <c r="L37" s="139"/>
      <c r="M37" s="153"/>
    </row>
    <row r="38" spans="1:13" ht="19.8" thickBot="1" x14ac:dyDescent="0.3">
      <c r="A38" s="46"/>
      <c r="B38" s="81"/>
      <c r="C38" s="47"/>
      <c r="D38" s="42"/>
      <c r="E38" s="81"/>
      <c r="F38" s="47"/>
      <c r="G38" s="42"/>
      <c r="H38" s="43"/>
      <c r="I38" s="30"/>
      <c r="J38" s="152"/>
      <c r="K38" s="139"/>
      <c r="L38" s="139"/>
      <c r="M38" s="153"/>
    </row>
    <row r="39" spans="1:13" ht="20.25" customHeight="1" thickBot="1" x14ac:dyDescent="0.3">
      <c r="A39" s="46"/>
      <c r="B39" s="143" t="s">
        <v>40</v>
      </c>
      <c r="C39" s="144"/>
      <c r="D39" s="38" t="s">
        <v>123</v>
      </c>
      <c r="E39" s="143" t="s">
        <v>39</v>
      </c>
      <c r="F39" s="144"/>
      <c r="G39" s="39" t="s">
        <v>122</v>
      </c>
      <c r="H39" s="43"/>
      <c r="I39" s="30"/>
      <c r="J39" s="152"/>
      <c r="K39" s="139"/>
      <c r="L39" s="139"/>
      <c r="M39" s="153"/>
    </row>
    <row r="40" spans="1:13" ht="20.25" customHeight="1" x14ac:dyDescent="0.35">
      <c r="A40" s="46"/>
      <c r="B40" s="85" t="s">
        <v>191</v>
      </c>
      <c r="C40" s="83" t="s">
        <v>174</v>
      </c>
      <c r="D40" s="75" t="s">
        <v>104</v>
      </c>
      <c r="E40" s="85" t="s">
        <v>22</v>
      </c>
      <c r="F40" s="83" t="s">
        <v>177</v>
      </c>
      <c r="G40" s="77" t="s">
        <v>38</v>
      </c>
      <c r="H40" s="21"/>
      <c r="I40" s="30"/>
      <c r="J40" s="152"/>
      <c r="K40" s="139"/>
      <c r="L40" s="139"/>
      <c r="M40" s="153"/>
    </row>
    <row r="41" spans="1:13" ht="20.25" customHeight="1" x14ac:dyDescent="0.35">
      <c r="A41" s="10"/>
      <c r="B41" s="85" t="s">
        <v>192</v>
      </c>
      <c r="C41" s="83" t="s">
        <v>175</v>
      </c>
      <c r="D41" s="75" t="s">
        <v>93</v>
      </c>
      <c r="E41" s="85" t="s">
        <v>23</v>
      </c>
      <c r="F41" s="83" t="s">
        <v>178</v>
      </c>
      <c r="G41" s="77" t="s">
        <v>38</v>
      </c>
      <c r="H41" s="37"/>
      <c r="I41" s="30"/>
      <c r="J41" s="152"/>
      <c r="K41" s="139"/>
      <c r="L41" s="139"/>
      <c r="M41" s="153"/>
    </row>
    <row r="42" spans="1:13" ht="20.25" customHeight="1" x14ac:dyDescent="0.35">
      <c r="A42" s="10"/>
      <c r="B42" s="85" t="s">
        <v>24</v>
      </c>
      <c r="C42" s="83" t="s">
        <v>176</v>
      </c>
      <c r="D42" s="75" t="s">
        <v>100</v>
      </c>
      <c r="E42" s="85" t="s">
        <v>25</v>
      </c>
      <c r="F42" s="83" t="s">
        <v>179</v>
      </c>
      <c r="G42" s="77" t="s">
        <v>38</v>
      </c>
      <c r="H42" s="37"/>
      <c r="I42" s="30"/>
      <c r="J42" s="152"/>
      <c r="K42" s="139"/>
      <c r="L42" s="139"/>
      <c r="M42" s="153"/>
    </row>
    <row r="43" spans="1:13" ht="20.25" customHeight="1" x14ac:dyDescent="0.25">
      <c r="A43" s="10"/>
      <c r="B43" s="41"/>
      <c r="C43" s="40"/>
      <c r="D43" s="75"/>
      <c r="E43" s="85" t="s">
        <v>26</v>
      </c>
      <c r="F43" s="83" t="s">
        <v>27</v>
      </c>
      <c r="G43" s="77" t="s">
        <v>195</v>
      </c>
      <c r="H43" s="48"/>
      <c r="I43" s="30"/>
      <c r="J43" s="152"/>
      <c r="K43" s="139"/>
      <c r="L43" s="139"/>
      <c r="M43" s="153"/>
    </row>
    <row r="44" spans="1:13" ht="20.25" customHeight="1" thickBot="1" x14ac:dyDescent="0.3">
      <c r="A44" s="35"/>
      <c r="B44" s="41"/>
      <c r="C44" s="40"/>
      <c r="D44" s="75"/>
      <c r="E44" s="85" t="s">
        <v>32</v>
      </c>
      <c r="F44" s="83" t="s">
        <v>75</v>
      </c>
      <c r="G44" s="77" t="s">
        <v>194</v>
      </c>
      <c r="H44" s="14"/>
      <c r="I44" s="30"/>
      <c r="J44" s="152"/>
      <c r="K44" s="139"/>
      <c r="L44" s="139"/>
      <c r="M44" s="153"/>
    </row>
    <row r="45" spans="1:13" ht="20.25" customHeight="1" thickBot="1" x14ac:dyDescent="0.3">
      <c r="A45" s="35"/>
      <c r="B45" s="137" t="s">
        <v>28</v>
      </c>
      <c r="C45" s="138"/>
      <c r="D45" s="103" t="s">
        <v>105</v>
      </c>
      <c r="E45" s="137" t="s">
        <v>29</v>
      </c>
      <c r="F45" s="138"/>
      <c r="G45" s="78" t="s">
        <v>198</v>
      </c>
      <c r="H45" s="21"/>
      <c r="I45" s="30"/>
      <c r="J45" s="152"/>
      <c r="K45" s="139"/>
      <c r="L45" s="139"/>
      <c r="M45" s="153"/>
    </row>
    <row r="46" spans="1:13" ht="19.2" x14ac:dyDescent="0.25">
      <c r="A46" s="23"/>
      <c r="B46" s="14"/>
      <c r="C46" s="14"/>
      <c r="D46" s="14"/>
      <c r="E46" s="14"/>
      <c r="F46" s="14"/>
      <c r="G46" s="14"/>
      <c r="H46" s="14"/>
      <c r="I46" s="30"/>
      <c r="J46" s="152"/>
      <c r="K46" s="139"/>
      <c r="L46" s="139"/>
      <c r="M46" s="153"/>
    </row>
    <row r="47" spans="1:13" ht="19.2" x14ac:dyDescent="0.25">
      <c r="A47" s="23"/>
      <c r="B47" s="21"/>
      <c r="C47" s="21"/>
      <c r="D47" s="21"/>
      <c r="E47" s="21"/>
      <c r="F47" s="21"/>
      <c r="G47" s="21"/>
      <c r="H47" s="21"/>
      <c r="I47" s="30"/>
      <c r="J47" s="152"/>
      <c r="K47" s="139"/>
      <c r="L47" s="139"/>
      <c r="M47" s="153"/>
    </row>
    <row r="48" spans="1:13" ht="18.75" customHeight="1" x14ac:dyDescent="0.2">
      <c r="A48" s="49"/>
      <c r="B48" s="50"/>
      <c r="C48" s="50"/>
      <c r="D48" s="50"/>
      <c r="E48" s="113"/>
      <c r="F48" s="50"/>
      <c r="G48" s="50"/>
      <c r="H48" s="50"/>
      <c r="I48" s="51"/>
      <c r="J48" s="152"/>
      <c r="K48" s="139"/>
      <c r="L48" s="139"/>
      <c r="M48" s="153"/>
    </row>
    <row r="49" spans="1:13" ht="21.75" customHeight="1" x14ac:dyDescent="0.25">
      <c r="A49" s="46" t="s">
        <v>81</v>
      </c>
      <c r="B49" s="14"/>
      <c r="C49" s="101" t="s">
        <v>199</v>
      </c>
      <c r="D49" s="14"/>
      <c r="E49" s="14"/>
      <c r="F49" s="50"/>
      <c r="G49" s="50"/>
      <c r="H49" s="50"/>
      <c r="I49" s="51"/>
      <c r="J49" s="152"/>
      <c r="K49" s="139"/>
      <c r="L49" s="139"/>
      <c r="M49" s="153"/>
    </row>
    <row r="50" spans="1:13" ht="24.75" customHeight="1" x14ac:dyDescent="0.25">
      <c r="A50" s="46"/>
      <c r="B50" s="14"/>
      <c r="C50" s="52"/>
      <c r="D50" s="14"/>
      <c r="E50" s="14"/>
      <c r="F50" s="53"/>
      <c r="G50" s="53"/>
      <c r="H50" s="53"/>
      <c r="I50" s="51"/>
      <c r="J50" s="152"/>
      <c r="K50" s="139"/>
      <c r="L50" s="139"/>
      <c r="M50" s="153"/>
    </row>
    <row r="51" spans="1:13" ht="46.8" customHeight="1" x14ac:dyDescent="0.25">
      <c r="A51" s="46"/>
      <c r="B51" s="54"/>
      <c r="C51" s="80"/>
      <c r="D51" s="55"/>
      <c r="E51" s="56"/>
      <c r="F51" s="57"/>
      <c r="G51" s="57"/>
      <c r="H51" s="57"/>
      <c r="I51" s="51"/>
      <c r="J51" s="154"/>
      <c r="K51" s="155"/>
      <c r="L51" s="155"/>
      <c r="M51" s="156"/>
    </row>
    <row r="52" spans="1:13" ht="24.75" customHeight="1" x14ac:dyDescent="0.25">
      <c r="A52" s="10" t="s">
        <v>82</v>
      </c>
      <c r="B52" s="14"/>
      <c r="C52" s="102" t="s">
        <v>61</v>
      </c>
      <c r="D52" s="14"/>
      <c r="E52" s="14"/>
      <c r="F52" s="57"/>
      <c r="G52" s="57"/>
      <c r="H52" s="57"/>
      <c r="I52" s="51"/>
      <c r="J52" s="157"/>
      <c r="K52" s="158"/>
      <c r="L52" s="158"/>
      <c r="M52" s="159"/>
    </row>
    <row r="53" spans="1:13" ht="24.75" customHeight="1" x14ac:dyDescent="0.25">
      <c r="A53" s="10"/>
      <c r="B53" s="54" t="s">
        <v>53</v>
      </c>
      <c r="C53" s="73" t="s">
        <v>57</v>
      </c>
      <c r="D53" s="55"/>
      <c r="E53" s="56"/>
      <c r="F53" s="57"/>
      <c r="G53" s="57"/>
      <c r="H53" s="57"/>
      <c r="I53" s="51"/>
      <c r="J53" s="134" t="s">
        <v>201</v>
      </c>
      <c r="K53" s="135"/>
      <c r="L53" s="135"/>
      <c r="M53" s="148"/>
    </row>
    <row r="54" spans="1:13" ht="14.25" customHeight="1" x14ac:dyDescent="0.2">
      <c r="A54" s="23"/>
      <c r="B54" s="58"/>
      <c r="C54" s="57"/>
      <c r="D54" s="57"/>
      <c r="E54" s="57"/>
      <c r="F54" s="57"/>
      <c r="G54" s="57"/>
      <c r="H54" s="57"/>
      <c r="I54" s="51"/>
      <c r="J54" s="149"/>
      <c r="K54" s="150"/>
      <c r="L54" s="150"/>
      <c r="M54" s="148"/>
    </row>
    <row r="55" spans="1:13" ht="32.25" customHeight="1" x14ac:dyDescent="0.2">
      <c r="A55" s="49"/>
      <c r="B55" s="21"/>
      <c r="C55" s="21"/>
      <c r="D55" s="21"/>
      <c r="E55" s="21"/>
      <c r="F55" s="21"/>
      <c r="G55" s="21"/>
      <c r="H55" s="21"/>
      <c r="I55" s="51"/>
      <c r="J55" s="134" t="s">
        <v>202</v>
      </c>
      <c r="K55" s="135"/>
      <c r="L55" s="135"/>
      <c r="M55" s="151"/>
    </row>
    <row r="56" spans="1:13" ht="30" customHeight="1" thickBot="1" x14ac:dyDescent="0.25">
      <c r="A56" s="59"/>
      <c r="B56" s="60"/>
      <c r="C56" s="60"/>
      <c r="D56" s="60"/>
      <c r="E56" s="60"/>
      <c r="F56" s="60"/>
      <c r="G56" s="60"/>
      <c r="H56" s="60"/>
      <c r="I56" s="61"/>
      <c r="J56" s="62"/>
      <c r="K56" s="62"/>
      <c r="L56" s="62"/>
      <c r="M56" s="63"/>
    </row>
    <row r="57" spans="1:13" ht="15" thickTop="1" x14ac:dyDescent="0.2">
      <c r="B57" s="3"/>
      <c r="C57" s="3"/>
      <c r="D57" s="3"/>
      <c r="E57" s="3"/>
      <c r="F57" s="3"/>
      <c r="G57" s="3"/>
      <c r="H57" s="3"/>
      <c r="I57" s="3"/>
    </row>
    <row r="64" spans="1:13" ht="18.75" customHeight="1" x14ac:dyDescent="0.2"/>
    <row r="71" ht="18.75" customHeight="1" x14ac:dyDescent="0.2"/>
    <row r="76" ht="18.75" customHeight="1" x14ac:dyDescent="0.2"/>
    <row r="79" ht="19.5" customHeight="1" x14ac:dyDescent="0.2"/>
    <row r="106" ht="18.75" customHeight="1" x14ac:dyDescent="0.2"/>
    <row r="107" ht="18.75" customHeight="1" x14ac:dyDescent="0.2"/>
  </sheetData>
  <mergeCells count="23">
    <mergeCell ref="A1:M1"/>
    <mergeCell ref="A2:I2"/>
    <mergeCell ref="J2:M2"/>
    <mergeCell ref="J3:M3"/>
    <mergeCell ref="J4:M4"/>
    <mergeCell ref="K6:L8"/>
    <mergeCell ref="K10:L10"/>
    <mergeCell ref="K13:L16"/>
    <mergeCell ref="K18:L18"/>
    <mergeCell ref="B45:C45"/>
    <mergeCell ref="E45:F45"/>
    <mergeCell ref="B26:C26"/>
    <mergeCell ref="E26:F26"/>
    <mergeCell ref="B37:C37"/>
    <mergeCell ref="E37:F37"/>
    <mergeCell ref="B39:C39"/>
    <mergeCell ref="E39:F39"/>
    <mergeCell ref="F5:H6"/>
    <mergeCell ref="J52:M52"/>
    <mergeCell ref="J53:M53"/>
    <mergeCell ref="J54:M54"/>
    <mergeCell ref="J55:M55"/>
    <mergeCell ref="J21:M51"/>
  </mergeCells>
  <phoneticPr fontId="8"/>
  <pageMargins left="0.43307086614173229" right="0.23622047244094491" top="0.43307086614173229" bottom="0.39370078740157483" header="0.31496062992125984" footer="0.31496062992125984"/>
  <pageSetup paperSize="9" scale="47" orientation="landscape" r:id="rId1"/>
  <rowBreaks count="1" manualBreakCount="1">
    <brk id="57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57"/>
  <sheetViews>
    <sheetView view="pageBreakPreview" zoomScale="60" zoomScaleNormal="50" workbookViewId="0">
      <selection activeCell="G13" sqref="G13"/>
    </sheetView>
  </sheetViews>
  <sheetFormatPr defaultColWidth="9" defaultRowHeight="14.4" x14ac:dyDescent="0.2"/>
  <cols>
    <col min="1" max="1" width="5" style="2" customWidth="1"/>
    <col min="2" max="2" width="23.3984375" style="2" customWidth="1"/>
    <col min="3" max="3" width="10.8984375" style="2" customWidth="1"/>
    <col min="4" max="4" width="15.3984375" style="2" customWidth="1"/>
    <col min="5" max="5" width="18.09765625" style="2" bestFit="1" customWidth="1"/>
    <col min="6" max="6" width="10.3984375" style="2" customWidth="1"/>
    <col min="7" max="8" width="15.3984375" style="2" customWidth="1"/>
    <col min="9" max="10" width="4.8984375" style="2" customWidth="1"/>
    <col min="11" max="11" width="64.09765625" style="2" customWidth="1"/>
    <col min="12" max="12" width="70.59765625" style="2" customWidth="1"/>
    <col min="13" max="13" width="6.19921875" style="2" customWidth="1"/>
    <col min="14" max="16384" width="9" style="2"/>
  </cols>
  <sheetData>
    <row r="1" spans="1:13" ht="44.4" thickBot="1" x14ac:dyDescent="0.25">
      <c r="A1" s="125" t="s">
        <v>30</v>
      </c>
      <c r="B1" s="125"/>
      <c r="C1" s="125"/>
      <c r="D1" s="125"/>
      <c r="E1" s="125"/>
      <c r="F1" s="125"/>
      <c r="G1" s="125"/>
      <c r="H1" s="125"/>
      <c r="I1" s="125"/>
      <c r="J1" s="125"/>
      <c r="K1" s="125"/>
      <c r="L1" s="125"/>
      <c r="M1" s="125"/>
    </row>
    <row r="2" spans="1:13" ht="25.5" customHeight="1" thickTop="1" thickBot="1" x14ac:dyDescent="0.25">
      <c r="A2" s="126" t="s">
        <v>0</v>
      </c>
      <c r="B2" s="127"/>
      <c r="C2" s="127"/>
      <c r="D2" s="127"/>
      <c r="E2" s="127"/>
      <c r="F2" s="127"/>
      <c r="G2" s="127"/>
      <c r="H2" s="127"/>
      <c r="I2" s="128"/>
      <c r="J2" s="129" t="s">
        <v>34</v>
      </c>
      <c r="K2" s="127"/>
      <c r="L2" s="127"/>
      <c r="M2" s="130"/>
    </row>
    <row r="3" spans="1:13" ht="13.5" customHeight="1" thickTop="1" x14ac:dyDescent="0.2">
      <c r="A3" s="7" t="s">
        <v>46</v>
      </c>
      <c r="B3" s="8"/>
      <c r="C3" s="8"/>
      <c r="D3" s="8"/>
      <c r="E3" s="8"/>
      <c r="F3" s="8"/>
      <c r="G3" s="8"/>
      <c r="H3" s="8"/>
      <c r="I3" s="9"/>
      <c r="J3" s="131"/>
      <c r="K3" s="132"/>
      <c r="L3" s="132"/>
      <c r="M3" s="133"/>
    </row>
    <row r="4" spans="1:13" ht="18.75" customHeight="1" x14ac:dyDescent="0.25">
      <c r="A4" s="10" t="s">
        <v>48</v>
      </c>
      <c r="B4" s="11"/>
      <c r="C4" s="72"/>
      <c r="D4" s="11"/>
      <c r="E4" s="11"/>
      <c r="F4" s="11"/>
      <c r="G4" s="11"/>
      <c r="H4" s="11"/>
      <c r="I4" s="13"/>
      <c r="J4" s="134" t="s">
        <v>204</v>
      </c>
      <c r="K4" s="135"/>
      <c r="L4" s="135"/>
      <c r="M4" s="136"/>
    </row>
    <row r="5" spans="1:13" ht="18.75" customHeight="1" x14ac:dyDescent="0.2">
      <c r="A5" s="23"/>
      <c r="B5" s="14"/>
      <c r="C5" s="14"/>
      <c r="D5" s="14"/>
      <c r="E5" s="14"/>
      <c r="F5" s="14"/>
      <c r="G5" s="14"/>
      <c r="H5" s="14"/>
      <c r="I5" s="14"/>
      <c r="J5" s="15"/>
      <c r="K5" s="70" t="s">
        <v>111</v>
      </c>
      <c r="L5" s="71"/>
      <c r="M5" s="16"/>
    </row>
    <row r="6" spans="1:13" ht="18.75" customHeight="1" x14ac:dyDescent="0.25">
      <c r="A6" s="10" t="s">
        <v>49</v>
      </c>
      <c r="B6" s="17"/>
      <c r="C6" s="73"/>
      <c r="D6" s="17"/>
      <c r="E6" s="17"/>
      <c r="F6" s="17"/>
      <c r="G6" s="17"/>
      <c r="H6" s="17"/>
      <c r="I6" s="18"/>
      <c r="J6" s="15"/>
      <c r="K6" s="139" t="s">
        <v>114</v>
      </c>
      <c r="L6" s="139"/>
      <c r="M6" s="16"/>
    </row>
    <row r="7" spans="1:13" ht="18.75" customHeight="1" x14ac:dyDescent="0.25">
      <c r="A7" s="19"/>
      <c r="B7" s="11"/>
      <c r="C7" s="73"/>
      <c r="D7" s="11"/>
      <c r="E7" s="11"/>
      <c r="F7" s="11"/>
      <c r="G7" s="11"/>
      <c r="H7" s="11"/>
      <c r="I7" s="13"/>
      <c r="J7" s="15"/>
      <c r="K7" s="139"/>
      <c r="L7" s="139"/>
      <c r="M7" s="16"/>
    </row>
    <row r="8" spans="1:13" ht="18.75" customHeight="1" x14ac:dyDescent="0.25">
      <c r="A8" s="27"/>
      <c r="B8" s="17"/>
      <c r="C8" s="73"/>
      <c r="D8" s="17"/>
      <c r="E8" s="21"/>
      <c r="F8" s="21"/>
      <c r="G8" s="21"/>
      <c r="H8" s="21"/>
      <c r="I8" s="22"/>
      <c r="J8" s="15"/>
      <c r="K8" s="139"/>
      <c r="L8" s="139"/>
      <c r="M8" s="16"/>
    </row>
    <row r="9" spans="1:13" ht="18.75" customHeight="1" x14ac:dyDescent="0.25">
      <c r="A9" s="27" t="s">
        <v>86</v>
      </c>
      <c r="B9" s="17"/>
      <c r="C9" s="73"/>
      <c r="D9" s="17"/>
      <c r="E9" s="14"/>
      <c r="F9" s="14"/>
      <c r="G9" s="14"/>
      <c r="H9" s="14"/>
      <c r="I9" s="14"/>
      <c r="J9" s="15"/>
      <c r="K9" s="70" t="s">
        <v>110</v>
      </c>
      <c r="L9" s="31"/>
      <c r="M9" s="16"/>
    </row>
    <row r="10" spans="1:13" ht="19.5" customHeight="1" x14ac:dyDescent="0.25">
      <c r="A10" s="23"/>
      <c r="B10" s="17"/>
      <c r="C10" s="73"/>
      <c r="D10" s="17"/>
      <c r="E10" s="17"/>
      <c r="F10" s="17"/>
      <c r="G10" s="17"/>
      <c r="H10" s="17"/>
      <c r="I10" s="18"/>
      <c r="J10" s="24"/>
      <c r="K10" s="142" t="s">
        <v>117</v>
      </c>
      <c r="L10" s="142"/>
      <c r="M10" s="25"/>
    </row>
    <row r="11" spans="1:13" ht="18.75" customHeight="1" x14ac:dyDescent="0.25">
      <c r="A11" s="23"/>
      <c r="B11" s="17"/>
      <c r="C11" s="17"/>
      <c r="D11" s="14"/>
      <c r="E11" s="17"/>
      <c r="F11" s="17"/>
      <c r="G11" s="17"/>
      <c r="H11" s="17"/>
      <c r="I11" s="18"/>
      <c r="J11" s="15"/>
      <c r="K11" s="31"/>
      <c r="L11" s="31"/>
      <c r="M11" s="16"/>
    </row>
    <row r="12" spans="1:13" ht="19.2" x14ac:dyDescent="0.25">
      <c r="A12" s="26" t="s">
        <v>85</v>
      </c>
      <c r="B12" s="17"/>
      <c r="C12" s="17" t="s">
        <v>108</v>
      </c>
      <c r="D12" s="17"/>
      <c r="E12" s="110" t="s">
        <v>107</v>
      </c>
      <c r="F12" s="17"/>
      <c r="G12" s="17"/>
      <c r="H12" s="17"/>
      <c r="I12" s="18"/>
      <c r="J12" s="15"/>
      <c r="K12" s="70" t="s">
        <v>113</v>
      </c>
      <c r="L12" s="31"/>
      <c r="M12" s="16"/>
    </row>
    <row r="13" spans="1:13" ht="18.75" customHeight="1" x14ac:dyDescent="0.25">
      <c r="A13" s="23"/>
      <c r="B13" s="17"/>
      <c r="C13" s="17" t="s">
        <v>120</v>
      </c>
      <c r="D13" s="14"/>
      <c r="E13" s="95" t="s">
        <v>107</v>
      </c>
      <c r="F13" s="14"/>
      <c r="G13" s="17"/>
      <c r="H13" s="17"/>
      <c r="I13" s="18"/>
      <c r="J13" s="15"/>
      <c r="K13" s="139" t="s">
        <v>60</v>
      </c>
      <c r="L13" s="139"/>
      <c r="M13" s="16"/>
    </row>
    <row r="14" spans="1:13" ht="18.75" customHeight="1" x14ac:dyDescent="0.25">
      <c r="A14" s="35"/>
      <c r="B14" s="14"/>
      <c r="C14" s="17"/>
      <c r="D14" s="14"/>
      <c r="E14" s="97"/>
      <c r="F14" s="14"/>
      <c r="G14" s="17"/>
      <c r="H14" s="17"/>
      <c r="I14" s="18"/>
      <c r="J14" s="15"/>
      <c r="K14" s="139"/>
      <c r="L14" s="139"/>
      <c r="M14" s="16"/>
    </row>
    <row r="15" spans="1:13" ht="18.75" customHeight="1" x14ac:dyDescent="0.25">
      <c r="A15" s="94" t="s">
        <v>77</v>
      </c>
      <c r="B15" s="14"/>
      <c r="C15" s="17" t="s">
        <v>78</v>
      </c>
      <c r="D15" s="14"/>
      <c r="E15" s="96"/>
      <c r="F15" s="14"/>
      <c r="G15" s="17"/>
      <c r="H15" s="17"/>
      <c r="I15" s="18"/>
      <c r="J15" s="15"/>
      <c r="K15" s="139"/>
      <c r="L15" s="139"/>
      <c r="M15" s="16"/>
    </row>
    <row r="16" spans="1:13" ht="18.75" customHeight="1" x14ac:dyDescent="0.25">
      <c r="A16" s="35"/>
      <c r="B16" s="14"/>
      <c r="C16" s="17" t="s">
        <v>79</v>
      </c>
      <c r="D16" s="14"/>
      <c r="E16" s="97"/>
      <c r="F16" s="14"/>
      <c r="G16" s="17"/>
      <c r="H16" s="17"/>
      <c r="I16" s="18"/>
      <c r="J16" s="15"/>
      <c r="K16" s="139"/>
      <c r="L16" s="139"/>
      <c r="M16" s="16"/>
    </row>
    <row r="17" spans="1:13" ht="18.75" customHeight="1" x14ac:dyDescent="0.25">
      <c r="A17" s="35"/>
      <c r="B17" s="14"/>
      <c r="C17" s="17" t="s">
        <v>58</v>
      </c>
      <c r="D17" s="14"/>
      <c r="E17" s="96"/>
      <c r="F17" s="14"/>
      <c r="G17" s="32"/>
      <c r="H17" s="92"/>
      <c r="I17" s="28"/>
      <c r="J17" s="15"/>
      <c r="K17" s="70" t="s">
        <v>112</v>
      </c>
      <c r="L17" s="31"/>
      <c r="M17" s="16"/>
    </row>
    <row r="18" spans="1:13" ht="18.75" customHeight="1" x14ac:dyDescent="0.25">
      <c r="A18" s="10"/>
      <c r="B18" s="14"/>
      <c r="C18" s="17" t="s">
        <v>59</v>
      </c>
      <c r="D18" s="14"/>
      <c r="E18" s="96"/>
      <c r="F18" s="83"/>
      <c r="G18" s="106"/>
      <c r="H18" s="92"/>
      <c r="I18" s="29"/>
      <c r="J18" s="15"/>
      <c r="K18" s="140" t="s">
        <v>118</v>
      </c>
      <c r="L18" s="141"/>
      <c r="M18" s="16"/>
    </row>
    <row r="19" spans="1:13" ht="19.2" x14ac:dyDescent="0.25">
      <c r="A19" s="35"/>
      <c r="B19" s="14"/>
      <c r="C19" s="92" t="s">
        <v>80</v>
      </c>
      <c r="D19" s="14"/>
      <c r="E19" s="96"/>
      <c r="F19" s="107"/>
      <c r="G19" s="32"/>
      <c r="H19" s="20"/>
      <c r="I19" s="30"/>
      <c r="J19" s="15"/>
      <c r="K19" s="31"/>
      <c r="L19" s="31"/>
      <c r="M19" s="16"/>
    </row>
    <row r="20" spans="1:13" ht="19.8" thickBot="1" x14ac:dyDescent="0.3">
      <c r="A20" s="10"/>
      <c r="B20" s="105"/>
      <c r="C20" s="83"/>
      <c r="D20" s="104"/>
      <c r="E20" s="83"/>
      <c r="F20" s="83"/>
      <c r="G20" s="104"/>
      <c r="H20" s="32"/>
      <c r="I20" s="30"/>
      <c r="J20" s="33" t="s">
        <v>205</v>
      </c>
      <c r="K20" s="31"/>
      <c r="L20" s="31"/>
      <c r="M20" s="34"/>
    </row>
    <row r="21" spans="1:13" ht="19.5" customHeight="1" thickBot="1" x14ac:dyDescent="0.3">
      <c r="A21" s="35"/>
      <c r="B21" s="143" t="s">
        <v>41</v>
      </c>
      <c r="C21" s="144"/>
      <c r="D21" s="38" t="s">
        <v>122</v>
      </c>
      <c r="E21" s="137" t="s">
        <v>36</v>
      </c>
      <c r="F21" s="138"/>
      <c r="G21" s="39" t="s">
        <v>122</v>
      </c>
      <c r="H21" s="36"/>
      <c r="I21" s="37"/>
      <c r="J21" s="152" t="s">
        <v>207</v>
      </c>
      <c r="K21" s="139"/>
      <c r="L21" s="139"/>
      <c r="M21" s="153"/>
    </row>
    <row r="22" spans="1:13" ht="19.5" customHeight="1" x14ac:dyDescent="0.25">
      <c r="A22" s="35"/>
      <c r="B22" s="82"/>
      <c r="C22" s="83"/>
      <c r="D22" s="75"/>
      <c r="E22" s="85"/>
      <c r="F22" s="83"/>
      <c r="G22" s="100"/>
      <c r="H22" s="36"/>
      <c r="I22" s="30"/>
      <c r="J22" s="152"/>
      <c r="K22" s="139"/>
      <c r="L22" s="139"/>
      <c r="M22" s="153"/>
    </row>
    <row r="23" spans="1:13" ht="19.5" customHeight="1" x14ac:dyDescent="0.25">
      <c r="A23" s="35"/>
      <c r="B23" s="82"/>
      <c r="C23" s="83"/>
      <c r="D23" s="75"/>
      <c r="E23" s="85"/>
      <c r="F23" s="83"/>
      <c r="G23" s="77"/>
      <c r="H23" s="36"/>
      <c r="I23" s="30"/>
      <c r="J23" s="152"/>
      <c r="K23" s="139"/>
      <c r="L23" s="139"/>
      <c r="M23" s="153"/>
    </row>
    <row r="24" spans="1:13" ht="19.5" customHeight="1" x14ac:dyDescent="0.25">
      <c r="A24" s="35"/>
      <c r="B24" s="84"/>
      <c r="C24" s="83"/>
      <c r="D24" s="75"/>
      <c r="E24" s="85"/>
      <c r="F24" s="83"/>
      <c r="G24" s="77"/>
      <c r="H24" s="36"/>
      <c r="I24" s="30"/>
      <c r="J24" s="152"/>
      <c r="K24" s="139"/>
      <c r="L24" s="139"/>
      <c r="M24" s="153"/>
    </row>
    <row r="25" spans="1:13" ht="19.5" customHeight="1" x14ac:dyDescent="0.25">
      <c r="A25" s="35"/>
      <c r="B25" s="85"/>
      <c r="C25" s="83"/>
      <c r="D25" s="75"/>
      <c r="E25" s="85"/>
      <c r="F25" s="83"/>
      <c r="G25" s="77"/>
      <c r="H25" s="36"/>
      <c r="I25" s="30"/>
      <c r="J25" s="152"/>
      <c r="K25" s="139"/>
      <c r="L25" s="139"/>
      <c r="M25" s="153"/>
    </row>
    <row r="26" spans="1:13" ht="19.5" customHeight="1" x14ac:dyDescent="0.25">
      <c r="A26" s="35"/>
      <c r="B26" s="86"/>
      <c r="C26" s="83"/>
      <c r="D26" s="75"/>
      <c r="E26" s="85"/>
      <c r="F26" s="83"/>
      <c r="G26" s="98"/>
      <c r="H26" s="36"/>
      <c r="I26" s="30"/>
      <c r="J26" s="152"/>
      <c r="K26" s="139"/>
      <c r="L26" s="139"/>
      <c r="M26" s="153"/>
    </row>
    <row r="27" spans="1:13" ht="19.5" customHeight="1" x14ac:dyDescent="0.25">
      <c r="A27" s="35"/>
      <c r="B27" s="85"/>
      <c r="C27" s="83"/>
      <c r="D27" s="75"/>
      <c r="E27" s="85"/>
      <c r="F27" s="83"/>
      <c r="G27" s="98"/>
      <c r="H27" s="36"/>
      <c r="I27" s="30"/>
      <c r="J27" s="152"/>
      <c r="K27" s="139"/>
      <c r="L27" s="139"/>
      <c r="M27" s="153"/>
    </row>
    <row r="28" spans="1:13" ht="19.5" customHeight="1" x14ac:dyDescent="0.25">
      <c r="A28" s="35"/>
      <c r="B28" s="85"/>
      <c r="C28" s="83"/>
      <c r="D28" s="75"/>
      <c r="E28" s="85"/>
      <c r="F28" s="83"/>
      <c r="G28" s="98"/>
      <c r="H28" s="36"/>
      <c r="I28" s="30"/>
      <c r="J28" s="152"/>
      <c r="K28" s="139"/>
      <c r="L28" s="139"/>
      <c r="M28" s="153"/>
    </row>
    <row r="29" spans="1:13" ht="19.5" customHeight="1" x14ac:dyDescent="0.25">
      <c r="A29" s="35"/>
      <c r="B29" s="85"/>
      <c r="C29" s="83"/>
      <c r="D29" s="75"/>
      <c r="E29" s="85"/>
      <c r="F29" s="83"/>
      <c r="G29" s="98"/>
      <c r="H29" s="36"/>
      <c r="I29" s="30"/>
      <c r="J29" s="152"/>
      <c r="K29" s="139"/>
      <c r="L29" s="139"/>
      <c r="M29" s="153"/>
    </row>
    <row r="30" spans="1:13" ht="19.5" customHeight="1" x14ac:dyDescent="0.25">
      <c r="A30" s="35"/>
      <c r="B30" s="85"/>
      <c r="C30" s="83"/>
      <c r="D30" s="75"/>
      <c r="E30" s="85"/>
      <c r="F30" s="83"/>
      <c r="G30" s="98"/>
      <c r="H30" s="36"/>
      <c r="I30" s="30"/>
      <c r="J30" s="152"/>
      <c r="K30" s="139"/>
      <c r="L30" s="139"/>
      <c r="M30" s="153"/>
    </row>
    <row r="31" spans="1:13" ht="19.8" thickBot="1" x14ac:dyDescent="0.3">
      <c r="A31" s="35"/>
      <c r="B31" s="87"/>
      <c r="C31" s="88"/>
      <c r="D31" s="75"/>
      <c r="E31" s="41"/>
      <c r="F31" s="44"/>
      <c r="G31" s="76"/>
      <c r="H31" s="36"/>
      <c r="I31" s="30"/>
      <c r="J31" s="152"/>
      <c r="K31" s="139"/>
      <c r="L31" s="139"/>
      <c r="M31" s="153"/>
    </row>
    <row r="32" spans="1:13" ht="19.8" thickBot="1" x14ac:dyDescent="0.3">
      <c r="A32" s="35"/>
      <c r="B32" s="137" t="s">
        <v>35</v>
      </c>
      <c r="C32" s="138"/>
      <c r="D32" s="103"/>
      <c r="E32" s="137" t="s">
        <v>21</v>
      </c>
      <c r="F32" s="138"/>
      <c r="G32" s="108"/>
      <c r="H32" s="42"/>
      <c r="I32" s="30"/>
      <c r="J32" s="152"/>
      <c r="K32" s="139"/>
      <c r="L32" s="139"/>
      <c r="M32" s="153"/>
    </row>
    <row r="33" spans="1:13" ht="19.8" thickBot="1" x14ac:dyDescent="0.3">
      <c r="A33" s="35"/>
      <c r="B33" s="83"/>
      <c r="C33" s="83"/>
      <c r="D33" s="104"/>
      <c r="E33" s="83"/>
      <c r="F33" s="83"/>
      <c r="G33" s="104"/>
      <c r="H33" s="32"/>
      <c r="I33" s="30"/>
      <c r="J33" s="152"/>
      <c r="K33" s="139"/>
      <c r="L33" s="139"/>
      <c r="M33" s="153"/>
    </row>
    <row r="34" spans="1:13" ht="20.25" customHeight="1" thickBot="1" x14ac:dyDescent="0.3">
      <c r="A34" s="35"/>
      <c r="B34" s="143" t="s">
        <v>40</v>
      </c>
      <c r="C34" s="144"/>
      <c r="D34" s="38" t="s">
        <v>123</v>
      </c>
      <c r="E34" s="143" t="s">
        <v>39</v>
      </c>
      <c r="F34" s="144"/>
      <c r="G34" s="39" t="s">
        <v>122</v>
      </c>
      <c r="H34" s="43"/>
      <c r="I34" s="30"/>
      <c r="J34" s="152"/>
      <c r="K34" s="139"/>
      <c r="L34" s="139"/>
      <c r="M34" s="153"/>
    </row>
    <row r="35" spans="1:13" ht="20.25" customHeight="1" x14ac:dyDescent="0.25">
      <c r="A35" s="35"/>
      <c r="B35" s="85"/>
      <c r="C35" s="83"/>
      <c r="D35" s="75"/>
      <c r="E35" s="85"/>
      <c r="F35" s="83"/>
      <c r="G35" s="77"/>
      <c r="H35" s="43"/>
      <c r="I35" s="30"/>
      <c r="J35" s="152"/>
      <c r="K35" s="139"/>
      <c r="L35" s="139"/>
      <c r="M35" s="153"/>
    </row>
    <row r="36" spans="1:13" ht="20.25" customHeight="1" x14ac:dyDescent="0.25">
      <c r="A36" s="35"/>
      <c r="B36" s="85"/>
      <c r="C36" s="83"/>
      <c r="D36" s="75"/>
      <c r="E36" s="85"/>
      <c r="F36" s="83"/>
      <c r="G36" s="77"/>
      <c r="H36" s="43"/>
      <c r="I36" s="30"/>
      <c r="J36" s="152"/>
      <c r="K36" s="139"/>
      <c r="L36" s="139"/>
      <c r="M36" s="153"/>
    </row>
    <row r="37" spans="1:13" ht="20.25" customHeight="1" x14ac:dyDescent="0.25">
      <c r="A37" s="45"/>
      <c r="B37" s="85"/>
      <c r="C37" s="83"/>
      <c r="D37" s="75"/>
      <c r="E37" s="85"/>
      <c r="F37" s="83"/>
      <c r="G37" s="77"/>
      <c r="H37" s="43"/>
      <c r="I37" s="30"/>
      <c r="J37" s="152"/>
      <c r="K37" s="139"/>
      <c r="L37" s="139"/>
      <c r="M37" s="153"/>
    </row>
    <row r="38" spans="1:13" ht="20.25" customHeight="1" x14ac:dyDescent="0.25">
      <c r="A38" s="46"/>
      <c r="B38" s="41"/>
      <c r="C38" s="40"/>
      <c r="D38" s="75"/>
      <c r="E38" s="85"/>
      <c r="F38" s="83"/>
      <c r="G38" s="77"/>
      <c r="H38" s="43"/>
      <c r="I38" s="30"/>
      <c r="J38" s="152"/>
      <c r="K38" s="139"/>
      <c r="L38" s="139"/>
      <c r="M38" s="153"/>
    </row>
    <row r="39" spans="1:13" ht="20.25" customHeight="1" thickBot="1" x14ac:dyDescent="0.3">
      <c r="A39" s="46"/>
      <c r="B39" s="41"/>
      <c r="C39" s="40"/>
      <c r="D39" s="75"/>
      <c r="E39" s="85"/>
      <c r="F39" s="83"/>
      <c r="G39" s="77"/>
      <c r="H39" s="43"/>
      <c r="I39" s="30"/>
      <c r="J39" s="152"/>
      <c r="K39" s="139"/>
      <c r="L39" s="139"/>
      <c r="M39" s="153"/>
    </row>
    <row r="40" spans="1:13" ht="20.25" customHeight="1" thickBot="1" x14ac:dyDescent="0.3">
      <c r="A40" s="46"/>
      <c r="B40" s="137" t="s">
        <v>28</v>
      </c>
      <c r="C40" s="138"/>
      <c r="D40" s="103"/>
      <c r="E40" s="137" t="s">
        <v>29</v>
      </c>
      <c r="F40" s="138"/>
      <c r="G40" s="109"/>
      <c r="H40" s="21"/>
      <c r="I40" s="30"/>
      <c r="J40" s="152"/>
      <c r="K40" s="139"/>
      <c r="L40" s="139"/>
      <c r="M40" s="153"/>
    </row>
    <row r="41" spans="1:13" ht="19.2" x14ac:dyDescent="0.25">
      <c r="A41" s="46"/>
      <c r="B41" s="14"/>
      <c r="C41" s="101"/>
      <c r="D41" s="14"/>
      <c r="E41" s="14"/>
      <c r="F41" s="37"/>
      <c r="G41" s="37"/>
      <c r="H41" s="37"/>
      <c r="I41" s="30"/>
      <c r="J41" s="152"/>
      <c r="K41" s="139"/>
      <c r="L41" s="139"/>
      <c r="M41" s="153"/>
    </row>
    <row r="42" spans="1:13" ht="19.2" x14ac:dyDescent="0.25">
      <c r="A42" s="46" t="s">
        <v>81</v>
      </c>
      <c r="B42" s="14"/>
      <c r="C42" s="101"/>
      <c r="D42" s="14"/>
      <c r="E42" s="56"/>
      <c r="F42" s="37"/>
      <c r="G42" s="37"/>
      <c r="H42" s="37"/>
      <c r="I42" s="30"/>
      <c r="J42" s="152"/>
      <c r="K42" s="139"/>
      <c r="L42" s="139"/>
      <c r="M42" s="153"/>
    </row>
    <row r="43" spans="1:13" ht="19.2" x14ac:dyDescent="0.25">
      <c r="A43" s="10"/>
      <c r="B43" s="14"/>
      <c r="C43" s="102"/>
      <c r="D43" s="14"/>
      <c r="E43" s="56"/>
      <c r="F43" s="64"/>
      <c r="G43" s="48"/>
      <c r="H43" s="48"/>
      <c r="I43" s="30"/>
      <c r="J43" s="152"/>
      <c r="K43" s="139"/>
      <c r="L43" s="139"/>
      <c r="M43" s="153"/>
    </row>
    <row r="44" spans="1:13" ht="21" customHeight="1" x14ac:dyDescent="0.25">
      <c r="A44" s="10" t="s">
        <v>82</v>
      </c>
      <c r="B44" s="14"/>
      <c r="C44" s="102"/>
      <c r="D44" s="55"/>
      <c r="E44" s="14"/>
      <c r="F44" s="14"/>
      <c r="G44" s="14"/>
      <c r="H44" s="14"/>
      <c r="I44" s="30"/>
      <c r="J44" s="152"/>
      <c r="K44" s="139"/>
      <c r="L44" s="139"/>
      <c r="M44" s="153"/>
    </row>
    <row r="45" spans="1:13" ht="19.2" x14ac:dyDescent="0.25">
      <c r="A45" s="10"/>
      <c r="B45" s="54" t="s">
        <v>53</v>
      </c>
      <c r="C45" s="73"/>
      <c r="D45" s="21"/>
      <c r="E45" s="21"/>
      <c r="F45" s="21"/>
      <c r="G45" s="21"/>
      <c r="H45" s="21"/>
      <c r="I45" s="30"/>
      <c r="J45" s="152"/>
      <c r="K45" s="139"/>
      <c r="L45" s="139"/>
      <c r="M45" s="153"/>
    </row>
    <row r="46" spans="1:13" ht="19.2" x14ac:dyDescent="0.25">
      <c r="A46" s="23"/>
      <c r="B46" s="14"/>
      <c r="C46" s="14"/>
      <c r="D46" s="14"/>
      <c r="E46" s="14"/>
      <c r="F46" s="14"/>
      <c r="G46" s="14"/>
      <c r="H46" s="14"/>
      <c r="I46" s="30"/>
      <c r="J46" s="152"/>
      <c r="K46" s="139"/>
      <c r="L46" s="139"/>
      <c r="M46" s="153"/>
    </row>
    <row r="47" spans="1:13" ht="19.2" x14ac:dyDescent="0.25">
      <c r="A47" s="65"/>
      <c r="B47" s="66"/>
      <c r="C47" s="66"/>
      <c r="D47" s="66"/>
      <c r="E47" s="66"/>
      <c r="F47" s="66"/>
      <c r="G47" s="66"/>
      <c r="H47" s="66"/>
      <c r="I47" s="67"/>
      <c r="J47" s="152"/>
      <c r="K47" s="139"/>
      <c r="L47" s="139"/>
      <c r="M47" s="153"/>
    </row>
    <row r="48" spans="1:13" ht="19.2" x14ac:dyDescent="0.2">
      <c r="A48" s="49"/>
      <c r="B48" s="166" t="s">
        <v>54</v>
      </c>
      <c r="C48" s="166"/>
      <c r="D48" s="166"/>
      <c r="E48" s="166"/>
      <c r="F48" s="166"/>
      <c r="G48" s="166"/>
      <c r="H48" s="166"/>
      <c r="I48" s="51"/>
      <c r="J48" s="152"/>
      <c r="K48" s="139"/>
      <c r="L48" s="139"/>
      <c r="M48" s="153"/>
    </row>
    <row r="49" spans="1:13" ht="21.75" customHeight="1" x14ac:dyDescent="0.2">
      <c r="A49" s="49"/>
      <c r="B49" s="166"/>
      <c r="C49" s="166"/>
      <c r="D49" s="166"/>
      <c r="E49" s="166"/>
      <c r="F49" s="166"/>
      <c r="G49" s="166"/>
      <c r="H49" s="166"/>
      <c r="I49" s="51"/>
      <c r="J49" s="152"/>
      <c r="K49" s="139"/>
      <c r="L49" s="139"/>
      <c r="M49" s="153"/>
    </row>
    <row r="50" spans="1:13" ht="38.25" customHeight="1" x14ac:dyDescent="0.2">
      <c r="A50" s="23"/>
      <c r="B50" s="68" t="s">
        <v>55</v>
      </c>
      <c r="C50" s="167" t="s">
        <v>47</v>
      </c>
      <c r="D50" s="168"/>
      <c r="E50" s="168"/>
      <c r="F50" s="168"/>
      <c r="G50" s="168"/>
      <c r="H50" s="169"/>
      <c r="I50" s="51"/>
      <c r="J50" s="152"/>
      <c r="K50" s="139"/>
      <c r="L50" s="139"/>
      <c r="M50" s="153"/>
    </row>
    <row r="51" spans="1:13" ht="30" customHeight="1" x14ac:dyDescent="0.2">
      <c r="A51" s="23"/>
      <c r="B51" s="93" t="s">
        <v>50</v>
      </c>
      <c r="C51" s="170"/>
      <c r="D51" s="171"/>
      <c r="E51" s="171"/>
      <c r="F51" s="171"/>
      <c r="G51" s="171"/>
      <c r="H51" s="172"/>
      <c r="I51" s="51"/>
      <c r="J51" s="154"/>
      <c r="K51" s="155"/>
      <c r="L51" s="155"/>
      <c r="M51" s="156"/>
    </row>
    <row r="52" spans="1:13" ht="30" customHeight="1" x14ac:dyDescent="0.25">
      <c r="A52" s="23"/>
      <c r="B52" s="93" t="s">
        <v>51</v>
      </c>
      <c r="C52" s="170"/>
      <c r="D52" s="171"/>
      <c r="E52" s="171"/>
      <c r="F52" s="171"/>
      <c r="G52" s="171"/>
      <c r="H52" s="172"/>
      <c r="I52" s="51"/>
      <c r="J52" s="145"/>
      <c r="K52" s="146"/>
      <c r="L52" s="146"/>
      <c r="M52" s="147"/>
    </row>
    <row r="53" spans="1:13" ht="30" customHeight="1" x14ac:dyDescent="0.2">
      <c r="A53" s="23"/>
      <c r="B53" s="93" t="s">
        <v>184</v>
      </c>
      <c r="C53" s="170"/>
      <c r="D53" s="171"/>
      <c r="E53" s="171"/>
      <c r="F53" s="171"/>
      <c r="G53" s="171"/>
      <c r="H53" s="172"/>
      <c r="I53" s="51"/>
      <c r="J53" s="134" t="s">
        <v>201</v>
      </c>
      <c r="K53" s="135"/>
      <c r="L53" s="135"/>
      <c r="M53" s="148"/>
    </row>
    <row r="54" spans="1:13" ht="30" customHeight="1" x14ac:dyDescent="0.2">
      <c r="A54" s="23"/>
      <c r="B54" s="93" t="s">
        <v>126</v>
      </c>
      <c r="C54" s="170"/>
      <c r="D54" s="171"/>
      <c r="E54" s="171"/>
      <c r="F54" s="171"/>
      <c r="G54" s="171"/>
      <c r="H54" s="172"/>
      <c r="I54" s="51"/>
      <c r="J54" s="149"/>
      <c r="K54" s="150"/>
      <c r="L54" s="150"/>
      <c r="M54" s="148"/>
    </row>
    <row r="55" spans="1:13" ht="30" customHeight="1" x14ac:dyDescent="0.2">
      <c r="A55" s="49"/>
      <c r="B55" s="93" t="s">
        <v>52</v>
      </c>
      <c r="C55" s="170"/>
      <c r="D55" s="171"/>
      <c r="E55" s="171"/>
      <c r="F55" s="171"/>
      <c r="G55" s="171"/>
      <c r="H55" s="172"/>
      <c r="I55" s="51"/>
      <c r="J55" s="134" t="s">
        <v>203</v>
      </c>
      <c r="K55" s="135"/>
      <c r="L55" s="135"/>
      <c r="M55" s="151"/>
    </row>
    <row r="56" spans="1:13" ht="31.5" customHeight="1" thickBot="1" x14ac:dyDescent="0.25">
      <c r="A56" s="59"/>
      <c r="B56" s="60"/>
      <c r="C56" s="60"/>
      <c r="D56" s="60"/>
      <c r="E56" s="60"/>
      <c r="F56" s="60"/>
      <c r="G56" s="60"/>
      <c r="H56" s="60"/>
      <c r="I56" s="61"/>
      <c r="J56" s="62"/>
      <c r="K56" s="62"/>
      <c r="L56" s="62"/>
      <c r="M56" s="63"/>
    </row>
    <row r="57" spans="1:13" ht="15" thickTop="1" x14ac:dyDescent="0.2">
      <c r="B57" s="3"/>
      <c r="C57" s="3"/>
      <c r="D57" s="3"/>
      <c r="E57" s="3"/>
      <c r="F57" s="3"/>
      <c r="G57" s="3"/>
      <c r="H57" s="3"/>
      <c r="I57" s="3"/>
    </row>
  </sheetData>
  <mergeCells count="29">
    <mergeCell ref="J55:M55"/>
    <mergeCell ref="B32:C32"/>
    <mergeCell ref="E32:F32"/>
    <mergeCell ref="B40:C40"/>
    <mergeCell ref="E40:F40"/>
    <mergeCell ref="B34:C34"/>
    <mergeCell ref="E34:F34"/>
    <mergeCell ref="C52:H52"/>
    <mergeCell ref="J52:M52"/>
    <mergeCell ref="C53:H53"/>
    <mergeCell ref="J53:M53"/>
    <mergeCell ref="C54:H54"/>
    <mergeCell ref="J54:M54"/>
    <mergeCell ref="C55:H55"/>
    <mergeCell ref="B21:C21"/>
    <mergeCell ref="E21:F21"/>
    <mergeCell ref="J21:M51"/>
    <mergeCell ref="B48:H49"/>
    <mergeCell ref="C50:H50"/>
    <mergeCell ref="C51:H51"/>
    <mergeCell ref="K6:L8"/>
    <mergeCell ref="K10:L10"/>
    <mergeCell ref="K13:L16"/>
    <mergeCell ref="K18:L18"/>
    <mergeCell ref="A1:M1"/>
    <mergeCell ref="A2:I2"/>
    <mergeCell ref="J2:M2"/>
    <mergeCell ref="J3:M3"/>
    <mergeCell ref="J4:M4"/>
  </mergeCells>
  <phoneticPr fontId="8"/>
  <pageMargins left="0.43307086614173229" right="0.23622047244094491" top="0.43307086614173229" bottom="0.39370078740157483" header="0.31496062992125984" footer="0.31496062992125984"/>
  <pageSetup paperSize="9" scale="48"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57"/>
  <sheetViews>
    <sheetView view="pageBreakPreview" zoomScaleNormal="100" zoomScaleSheetLayoutView="100" workbookViewId="0">
      <selection activeCell="J21" sqref="J21:M51"/>
    </sheetView>
  </sheetViews>
  <sheetFormatPr defaultColWidth="9" defaultRowHeight="14.4" x14ac:dyDescent="0.2"/>
  <cols>
    <col min="1" max="1" width="5" style="2" customWidth="1"/>
    <col min="2" max="2" width="23.3984375" style="2" customWidth="1"/>
    <col min="3" max="3" width="10.8984375" style="2" customWidth="1"/>
    <col min="4" max="4" width="15.3984375" style="2" customWidth="1"/>
    <col min="5" max="5" width="18.09765625" style="2" bestFit="1" customWidth="1"/>
    <col min="6" max="6" width="10.3984375" style="2" customWidth="1"/>
    <col min="7" max="8" width="15.3984375" style="2" customWidth="1"/>
    <col min="9" max="10" width="4.8984375" style="2" customWidth="1"/>
    <col min="11" max="11" width="64.09765625" style="2" customWidth="1"/>
    <col min="12" max="12" width="70.59765625" style="2" customWidth="1"/>
    <col min="13" max="13" width="6.19921875" style="2" customWidth="1"/>
    <col min="14" max="16384" width="9" style="2"/>
  </cols>
  <sheetData>
    <row r="1" spans="1:13" ht="44.4" thickBot="1" x14ac:dyDescent="0.25">
      <c r="A1" s="125" t="s">
        <v>30</v>
      </c>
      <c r="B1" s="125"/>
      <c r="C1" s="125"/>
      <c r="D1" s="125"/>
      <c r="E1" s="125"/>
      <c r="F1" s="125"/>
      <c r="G1" s="125"/>
      <c r="H1" s="125"/>
      <c r="I1" s="125"/>
      <c r="J1" s="125"/>
      <c r="K1" s="125"/>
      <c r="L1" s="125"/>
      <c r="M1" s="125"/>
    </row>
    <row r="2" spans="1:13" ht="25.5" customHeight="1" thickTop="1" thickBot="1" x14ac:dyDescent="0.25">
      <c r="A2" s="126" t="s">
        <v>0</v>
      </c>
      <c r="B2" s="127"/>
      <c r="C2" s="127"/>
      <c r="D2" s="127"/>
      <c r="E2" s="127"/>
      <c r="F2" s="127"/>
      <c r="G2" s="127"/>
      <c r="H2" s="127"/>
      <c r="I2" s="128"/>
      <c r="J2" s="129" t="s">
        <v>34</v>
      </c>
      <c r="K2" s="127"/>
      <c r="L2" s="127"/>
      <c r="M2" s="130"/>
    </row>
    <row r="3" spans="1:13" ht="13.5" customHeight="1" thickTop="1" x14ac:dyDescent="0.2">
      <c r="A3" s="7" t="s">
        <v>46</v>
      </c>
      <c r="B3" s="8"/>
      <c r="C3" s="8"/>
      <c r="D3" s="8"/>
      <c r="E3" s="8"/>
      <c r="F3" s="8"/>
      <c r="G3" s="8"/>
      <c r="H3" s="8"/>
      <c r="I3" s="9"/>
      <c r="J3" s="131"/>
      <c r="K3" s="132"/>
      <c r="L3" s="132"/>
      <c r="M3" s="133"/>
    </row>
    <row r="4" spans="1:13" ht="18.75" customHeight="1" x14ac:dyDescent="0.25">
      <c r="A4" s="10" t="s">
        <v>48</v>
      </c>
      <c r="B4" s="11"/>
      <c r="C4" s="72" t="s">
        <v>76</v>
      </c>
      <c r="D4" s="11"/>
      <c r="E4" s="11"/>
      <c r="F4" s="160" t="s">
        <v>125</v>
      </c>
      <c r="G4" s="161"/>
      <c r="H4" s="162"/>
      <c r="I4" s="13"/>
      <c r="J4" s="134" t="s">
        <v>204</v>
      </c>
      <c r="K4" s="135"/>
      <c r="L4" s="135"/>
      <c r="M4" s="136"/>
    </row>
    <row r="5" spans="1:13" ht="18.75" customHeight="1" x14ac:dyDescent="0.2">
      <c r="A5" s="23"/>
      <c r="B5" s="14"/>
      <c r="C5" s="14"/>
      <c r="D5" s="14"/>
      <c r="E5" s="14"/>
      <c r="F5" s="163"/>
      <c r="G5" s="164"/>
      <c r="H5" s="165"/>
      <c r="I5" s="14"/>
      <c r="J5" s="15"/>
      <c r="K5" s="70" t="s">
        <v>111</v>
      </c>
      <c r="L5" s="71"/>
      <c r="M5" s="16"/>
    </row>
    <row r="6" spans="1:13" ht="18.75" customHeight="1" x14ac:dyDescent="0.25">
      <c r="A6" s="10" t="s">
        <v>49</v>
      </c>
      <c r="B6" s="17"/>
      <c r="C6" s="73" t="s">
        <v>83</v>
      </c>
      <c r="D6" s="17"/>
      <c r="E6" s="17"/>
      <c r="F6" s="17"/>
      <c r="G6" s="17"/>
      <c r="H6" s="17"/>
      <c r="I6" s="18"/>
      <c r="J6" s="15"/>
      <c r="K6" s="139" t="s">
        <v>114</v>
      </c>
      <c r="L6" s="139"/>
      <c r="M6" s="16"/>
    </row>
    <row r="7" spans="1:13" ht="18.75" customHeight="1" x14ac:dyDescent="0.25">
      <c r="A7" s="19"/>
      <c r="B7" s="11"/>
      <c r="C7" s="73" t="s">
        <v>84</v>
      </c>
      <c r="D7" s="11"/>
      <c r="E7" s="11"/>
      <c r="F7" s="11"/>
      <c r="G7" s="11"/>
      <c r="H7" s="11"/>
      <c r="I7" s="13"/>
      <c r="J7" s="15"/>
      <c r="K7" s="139"/>
      <c r="L7" s="139"/>
      <c r="M7" s="16"/>
    </row>
    <row r="8" spans="1:13" ht="18.75" customHeight="1" x14ac:dyDescent="0.25">
      <c r="A8" s="27"/>
      <c r="B8" s="17"/>
      <c r="C8" s="73"/>
      <c r="D8" s="17"/>
      <c r="E8" s="21"/>
      <c r="F8" s="21"/>
      <c r="G8" s="21"/>
      <c r="H8" s="21"/>
      <c r="I8" s="22"/>
      <c r="J8" s="15"/>
      <c r="K8" s="139"/>
      <c r="L8" s="139"/>
      <c r="M8" s="16"/>
    </row>
    <row r="9" spans="1:13" ht="18.75" customHeight="1" x14ac:dyDescent="0.25">
      <c r="A9" s="27" t="s">
        <v>86</v>
      </c>
      <c r="B9" s="17"/>
      <c r="C9" s="73" t="s">
        <v>87</v>
      </c>
      <c r="D9" s="17"/>
      <c r="E9" s="14"/>
      <c r="F9" s="14"/>
      <c r="G9" s="14"/>
      <c r="H9" s="14"/>
      <c r="I9" s="14"/>
      <c r="J9" s="15"/>
      <c r="K9" s="70" t="s">
        <v>110</v>
      </c>
      <c r="L9" s="31"/>
      <c r="M9" s="16"/>
    </row>
    <row r="10" spans="1:13" ht="19.5" customHeight="1" x14ac:dyDescent="0.25">
      <c r="A10" s="23"/>
      <c r="B10" s="17"/>
      <c r="C10" s="73" t="s">
        <v>119</v>
      </c>
      <c r="D10" s="17"/>
      <c r="E10" s="17"/>
      <c r="F10" s="17"/>
      <c r="G10" s="17"/>
      <c r="H10" s="17"/>
      <c r="I10" s="18"/>
      <c r="J10" s="24"/>
      <c r="K10" s="142" t="s">
        <v>115</v>
      </c>
      <c r="L10" s="142"/>
      <c r="M10" s="25"/>
    </row>
    <row r="11" spans="1:13" ht="18.75" customHeight="1" x14ac:dyDescent="0.25">
      <c r="A11" s="23"/>
      <c r="B11" s="17"/>
      <c r="C11" s="17"/>
      <c r="D11" s="14"/>
      <c r="E11" s="17"/>
      <c r="F11" s="17"/>
      <c r="G11" s="17"/>
      <c r="H11" s="17"/>
      <c r="I11" s="18"/>
      <c r="J11" s="15"/>
      <c r="K11" s="31"/>
      <c r="L11" s="31"/>
      <c r="M11" s="16"/>
    </row>
    <row r="12" spans="1:13" ht="19.2" x14ac:dyDescent="0.25">
      <c r="A12" s="26" t="s">
        <v>85</v>
      </c>
      <c r="B12" s="17"/>
      <c r="C12" s="73" t="s">
        <v>108</v>
      </c>
      <c r="D12" s="111" t="s">
        <v>109</v>
      </c>
      <c r="E12" s="110" t="s">
        <v>107</v>
      </c>
      <c r="F12" s="17"/>
      <c r="G12" s="17"/>
      <c r="H12" s="17"/>
      <c r="I12" s="18"/>
      <c r="J12" s="15"/>
      <c r="K12" s="70" t="s">
        <v>113</v>
      </c>
      <c r="L12" s="31"/>
      <c r="M12" s="16"/>
    </row>
    <row r="13" spans="1:13" ht="18.75" customHeight="1" x14ac:dyDescent="0.25">
      <c r="A13" s="23"/>
      <c r="B13" s="17"/>
      <c r="C13" s="17" t="s">
        <v>120</v>
      </c>
      <c r="D13" s="112" t="s">
        <v>121</v>
      </c>
      <c r="E13" s="95" t="s">
        <v>107</v>
      </c>
      <c r="F13" s="14"/>
      <c r="G13" s="17"/>
      <c r="H13" s="17"/>
      <c r="I13" s="18"/>
      <c r="J13" s="15"/>
      <c r="K13" s="139" t="s">
        <v>60</v>
      </c>
      <c r="L13" s="139"/>
      <c r="M13" s="16"/>
    </row>
    <row r="14" spans="1:13" ht="18.75" customHeight="1" x14ac:dyDescent="0.25">
      <c r="A14" s="35"/>
      <c r="B14" s="14"/>
      <c r="C14" s="17"/>
      <c r="D14" s="14"/>
      <c r="E14" s="97"/>
      <c r="F14" s="14"/>
      <c r="G14" s="17"/>
      <c r="H14" s="17"/>
      <c r="I14" s="18"/>
      <c r="J14" s="15"/>
      <c r="K14" s="139"/>
      <c r="L14" s="139"/>
      <c r="M14" s="16"/>
    </row>
    <row r="15" spans="1:13" ht="18.75" customHeight="1" x14ac:dyDescent="0.25">
      <c r="A15" s="94" t="s">
        <v>77</v>
      </c>
      <c r="B15" s="14"/>
      <c r="C15" s="17" t="s">
        <v>78</v>
      </c>
      <c r="D15" s="14"/>
      <c r="E15" s="96" t="s">
        <v>200</v>
      </c>
      <c r="F15" s="14"/>
      <c r="G15" s="17"/>
      <c r="H15" s="17"/>
      <c r="I15" s="18"/>
      <c r="J15" s="15"/>
      <c r="K15" s="139"/>
      <c r="L15" s="139"/>
      <c r="M15" s="16"/>
    </row>
    <row r="16" spans="1:13" ht="18.75" customHeight="1" x14ac:dyDescent="0.25">
      <c r="A16" s="35"/>
      <c r="B16" s="14"/>
      <c r="C16" s="17" t="s">
        <v>79</v>
      </c>
      <c r="D16" s="14"/>
      <c r="E16" s="97" t="s">
        <v>88</v>
      </c>
      <c r="F16" s="14"/>
      <c r="G16" s="17"/>
      <c r="H16" s="17"/>
      <c r="I16" s="18"/>
      <c r="J16" s="15"/>
      <c r="K16" s="139"/>
      <c r="L16" s="139"/>
      <c r="M16" s="16"/>
    </row>
    <row r="17" spans="1:13" ht="18.75" customHeight="1" x14ac:dyDescent="0.25">
      <c r="A17" s="35"/>
      <c r="B17" s="14"/>
      <c r="C17" s="17" t="s">
        <v>58</v>
      </c>
      <c r="D17" s="14"/>
      <c r="E17" s="96" t="s">
        <v>89</v>
      </c>
      <c r="F17" s="14"/>
      <c r="G17" s="32"/>
      <c r="H17" s="79"/>
      <c r="I17" s="28"/>
      <c r="J17" s="15"/>
      <c r="K17" s="70" t="s">
        <v>112</v>
      </c>
      <c r="L17" s="31"/>
      <c r="M17" s="16"/>
    </row>
    <row r="18" spans="1:13" ht="18.75" customHeight="1" x14ac:dyDescent="0.25">
      <c r="A18" s="10"/>
      <c r="B18" s="14"/>
      <c r="C18" s="17" t="s">
        <v>59</v>
      </c>
      <c r="D18" s="14"/>
      <c r="E18" s="96" t="s">
        <v>90</v>
      </c>
      <c r="F18" s="83"/>
      <c r="G18" s="106"/>
      <c r="H18" s="79"/>
      <c r="I18" s="29"/>
      <c r="J18" s="15"/>
      <c r="K18" s="140" t="s">
        <v>116</v>
      </c>
      <c r="L18" s="141"/>
      <c r="M18" s="16"/>
    </row>
    <row r="19" spans="1:13" ht="19.2" x14ac:dyDescent="0.25">
      <c r="A19" s="35"/>
      <c r="B19" s="14"/>
      <c r="C19" s="92" t="s">
        <v>80</v>
      </c>
      <c r="D19" s="14"/>
      <c r="E19" s="96" t="s">
        <v>106</v>
      </c>
      <c r="F19" s="107"/>
      <c r="G19" s="32"/>
      <c r="H19" s="20"/>
      <c r="I19" s="30"/>
      <c r="J19" s="15"/>
      <c r="K19" s="31"/>
      <c r="L19" s="31"/>
      <c r="M19" s="16"/>
    </row>
    <row r="20" spans="1:13" ht="19.8" thickBot="1" x14ac:dyDescent="0.3">
      <c r="A20" s="10"/>
      <c r="B20" s="105"/>
      <c r="C20" s="83"/>
      <c r="D20" s="104"/>
      <c r="E20" s="83"/>
      <c r="F20" s="83"/>
      <c r="G20" s="104"/>
      <c r="H20" s="32"/>
      <c r="I20" s="30"/>
      <c r="J20" s="33" t="s">
        <v>205</v>
      </c>
      <c r="K20" s="31"/>
      <c r="L20" s="31"/>
      <c r="M20" s="34"/>
    </row>
    <row r="21" spans="1:13" ht="19.5" customHeight="1" thickBot="1" x14ac:dyDescent="0.3">
      <c r="A21" s="35"/>
      <c r="B21" s="143" t="s">
        <v>41</v>
      </c>
      <c r="C21" s="144"/>
      <c r="D21" s="38" t="s">
        <v>122</v>
      </c>
      <c r="E21" s="137" t="s">
        <v>36</v>
      </c>
      <c r="F21" s="138"/>
      <c r="G21" s="39" t="s">
        <v>122</v>
      </c>
      <c r="H21" s="36"/>
      <c r="I21" s="37"/>
      <c r="J21" s="152" t="s">
        <v>207</v>
      </c>
      <c r="K21" s="139"/>
      <c r="L21" s="139"/>
      <c r="M21" s="153"/>
    </row>
    <row r="22" spans="1:13" ht="19.5" customHeight="1" x14ac:dyDescent="0.25">
      <c r="A22" s="35"/>
      <c r="B22" s="82" t="s">
        <v>1</v>
      </c>
      <c r="C22" s="83" t="s">
        <v>62</v>
      </c>
      <c r="D22" s="75" t="s">
        <v>91</v>
      </c>
      <c r="E22" s="85" t="s">
        <v>133</v>
      </c>
      <c r="F22" s="83" t="s">
        <v>156</v>
      </c>
      <c r="G22" s="100" t="s">
        <v>98</v>
      </c>
      <c r="H22" s="36"/>
      <c r="I22" s="30"/>
      <c r="J22" s="152"/>
      <c r="K22" s="139"/>
      <c r="L22" s="139"/>
      <c r="M22" s="153"/>
    </row>
    <row r="23" spans="1:13" ht="19.5" customHeight="1" x14ac:dyDescent="0.25">
      <c r="A23" s="35"/>
      <c r="B23" s="82" t="s">
        <v>3</v>
      </c>
      <c r="C23" s="83" t="s">
        <v>63</v>
      </c>
      <c r="D23" s="75" t="s">
        <v>92</v>
      </c>
      <c r="E23" s="85" t="s">
        <v>132</v>
      </c>
      <c r="F23" s="83" t="s">
        <v>157</v>
      </c>
      <c r="G23" s="77" t="s">
        <v>99</v>
      </c>
      <c r="H23" s="36"/>
      <c r="I23" s="30"/>
      <c r="J23" s="152"/>
      <c r="K23" s="139"/>
      <c r="L23" s="139"/>
      <c r="M23" s="153"/>
    </row>
    <row r="24" spans="1:13" ht="19.5" customHeight="1" x14ac:dyDescent="0.25">
      <c r="A24" s="35"/>
      <c r="B24" s="84" t="s">
        <v>5</v>
      </c>
      <c r="C24" s="83" t="s">
        <v>64</v>
      </c>
      <c r="D24" s="75" t="s">
        <v>93</v>
      </c>
      <c r="E24" s="85" t="s">
        <v>129</v>
      </c>
      <c r="F24" s="83" t="s">
        <v>72</v>
      </c>
      <c r="G24" s="77" t="s">
        <v>100</v>
      </c>
      <c r="H24" s="36"/>
      <c r="I24" s="30"/>
      <c r="J24" s="152"/>
      <c r="K24" s="139"/>
      <c r="L24" s="139"/>
      <c r="M24" s="153"/>
    </row>
    <row r="25" spans="1:13" ht="19.5" customHeight="1" x14ac:dyDescent="0.35">
      <c r="A25" s="35"/>
      <c r="B25" s="85" t="s">
        <v>6</v>
      </c>
      <c r="C25" s="83" t="s">
        <v>65</v>
      </c>
      <c r="D25" s="75" t="s">
        <v>94</v>
      </c>
      <c r="E25" s="85" t="s">
        <v>37</v>
      </c>
      <c r="F25" s="83" t="s">
        <v>158</v>
      </c>
      <c r="G25" s="77" t="s">
        <v>101</v>
      </c>
      <c r="H25" s="36"/>
      <c r="I25" s="30"/>
      <c r="J25" s="152"/>
      <c r="K25" s="139"/>
      <c r="L25" s="139"/>
      <c r="M25" s="153"/>
    </row>
    <row r="26" spans="1:13" ht="19.5" customHeight="1" x14ac:dyDescent="0.35">
      <c r="A26" s="35"/>
      <c r="B26" s="86" t="s">
        <v>8</v>
      </c>
      <c r="C26" s="83" t="s">
        <v>66</v>
      </c>
      <c r="D26" s="75" t="s">
        <v>95</v>
      </c>
      <c r="E26" s="85" t="s">
        <v>153</v>
      </c>
      <c r="F26" s="83" t="s">
        <v>159</v>
      </c>
      <c r="G26" s="98" t="s">
        <v>96</v>
      </c>
      <c r="H26" s="36"/>
      <c r="I26" s="30"/>
      <c r="J26" s="152"/>
      <c r="K26" s="139"/>
      <c r="L26" s="139"/>
      <c r="M26" s="153"/>
    </row>
    <row r="27" spans="1:13" ht="19.5" customHeight="1" x14ac:dyDescent="0.35">
      <c r="A27" s="35"/>
      <c r="B27" s="85" t="s">
        <v>11</v>
      </c>
      <c r="C27" s="83" t="s">
        <v>67</v>
      </c>
      <c r="D27" s="75" t="s">
        <v>96</v>
      </c>
      <c r="E27" s="85" t="s">
        <v>154</v>
      </c>
      <c r="F27" s="83" t="s">
        <v>160</v>
      </c>
      <c r="G27" s="98" t="s">
        <v>93</v>
      </c>
      <c r="H27" s="36"/>
      <c r="I27" s="30"/>
      <c r="J27" s="152"/>
      <c r="K27" s="139"/>
      <c r="L27" s="139"/>
      <c r="M27" s="153"/>
    </row>
    <row r="28" spans="1:13" ht="19.5" customHeight="1" x14ac:dyDescent="0.35">
      <c r="A28" s="35"/>
      <c r="B28" s="85" t="s">
        <v>16</v>
      </c>
      <c r="C28" s="83" t="s">
        <v>69</v>
      </c>
      <c r="D28" s="75" t="s">
        <v>97</v>
      </c>
      <c r="E28" s="85" t="s">
        <v>155</v>
      </c>
      <c r="F28" s="83" t="s">
        <v>161</v>
      </c>
      <c r="G28" s="98" t="s">
        <v>102</v>
      </c>
      <c r="H28" s="36"/>
      <c r="I28" s="30"/>
      <c r="J28" s="152"/>
      <c r="K28" s="139"/>
      <c r="L28" s="139"/>
      <c r="M28" s="153"/>
    </row>
    <row r="29" spans="1:13" ht="19.5" customHeight="1" x14ac:dyDescent="0.35">
      <c r="A29" s="35"/>
      <c r="B29" s="85" t="s">
        <v>18</v>
      </c>
      <c r="C29" s="83" t="s">
        <v>70</v>
      </c>
      <c r="D29" s="75" t="s">
        <v>97</v>
      </c>
      <c r="E29" s="85" t="s">
        <v>186</v>
      </c>
      <c r="F29" s="83" t="s">
        <v>73</v>
      </c>
      <c r="G29" s="98" t="s">
        <v>100</v>
      </c>
      <c r="H29" s="36"/>
      <c r="I29" s="30"/>
      <c r="J29" s="152"/>
      <c r="K29" s="139"/>
      <c r="L29" s="139"/>
      <c r="M29" s="153"/>
    </row>
    <row r="30" spans="1:13" ht="19.5" customHeight="1" x14ac:dyDescent="0.35">
      <c r="A30" s="35"/>
      <c r="B30" s="85" t="s">
        <v>131</v>
      </c>
      <c r="C30" s="83" t="s">
        <v>68</v>
      </c>
      <c r="D30" s="75" t="s">
        <v>97</v>
      </c>
      <c r="E30" s="85" t="s">
        <v>185</v>
      </c>
      <c r="F30" s="83" t="s">
        <v>74</v>
      </c>
      <c r="G30" s="98" t="s">
        <v>103</v>
      </c>
      <c r="H30" s="36"/>
      <c r="I30" s="30"/>
      <c r="J30" s="152"/>
      <c r="K30" s="139"/>
      <c r="L30" s="139"/>
      <c r="M30" s="153"/>
    </row>
    <row r="31" spans="1:13" ht="19.8" thickBot="1" x14ac:dyDescent="0.3">
      <c r="A31" s="35"/>
      <c r="B31" s="87" t="s">
        <v>20</v>
      </c>
      <c r="C31" s="88" t="s">
        <v>71</v>
      </c>
      <c r="D31" s="75" t="s">
        <v>97</v>
      </c>
      <c r="E31" s="41"/>
      <c r="F31" s="44"/>
      <c r="G31" s="76"/>
      <c r="H31" s="36"/>
      <c r="I31" s="30"/>
      <c r="J31" s="152"/>
      <c r="K31" s="139"/>
      <c r="L31" s="139"/>
      <c r="M31" s="153"/>
    </row>
    <row r="32" spans="1:13" ht="19.8" thickBot="1" x14ac:dyDescent="0.3">
      <c r="A32" s="35"/>
      <c r="B32" s="137" t="s">
        <v>35</v>
      </c>
      <c r="C32" s="138"/>
      <c r="D32" s="121" t="s">
        <v>196</v>
      </c>
      <c r="E32" s="137" t="s">
        <v>21</v>
      </c>
      <c r="F32" s="138"/>
      <c r="G32" s="122" t="s">
        <v>197</v>
      </c>
      <c r="H32" s="42"/>
      <c r="I32" s="30"/>
      <c r="J32" s="152"/>
      <c r="K32" s="139"/>
      <c r="L32" s="139"/>
      <c r="M32" s="153"/>
    </row>
    <row r="33" spans="1:13" ht="19.8" thickBot="1" x14ac:dyDescent="0.3">
      <c r="A33" s="35"/>
      <c r="B33" s="83"/>
      <c r="C33" s="83"/>
      <c r="D33" s="104"/>
      <c r="E33" s="83"/>
      <c r="F33" s="83"/>
      <c r="G33" s="104"/>
      <c r="H33" s="32"/>
      <c r="I33" s="30"/>
      <c r="J33" s="152"/>
      <c r="K33" s="139"/>
      <c r="L33" s="139"/>
      <c r="M33" s="153"/>
    </row>
    <row r="34" spans="1:13" ht="19.8" thickBot="1" x14ac:dyDescent="0.3">
      <c r="A34" s="35"/>
      <c r="B34" s="89" t="s">
        <v>40</v>
      </c>
      <c r="C34" s="90"/>
      <c r="D34" s="38" t="s">
        <v>123</v>
      </c>
      <c r="E34" s="89" t="s">
        <v>39</v>
      </c>
      <c r="F34" s="90"/>
      <c r="G34" s="39" t="s">
        <v>124</v>
      </c>
      <c r="H34" s="43"/>
      <c r="I34" s="30"/>
      <c r="J34" s="152"/>
      <c r="K34" s="139"/>
      <c r="L34" s="139"/>
      <c r="M34" s="153"/>
    </row>
    <row r="35" spans="1:13" ht="20.399999999999999" x14ac:dyDescent="0.35">
      <c r="A35" s="35"/>
      <c r="B35" s="85" t="s">
        <v>188</v>
      </c>
      <c r="C35" s="83" t="s">
        <v>164</v>
      </c>
      <c r="D35" s="75" t="s">
        <v>104</v>
      </c>
      <c r="E35" s="85" t="s">
        <v>22</v>
      </c>
      <c r="F35" s="83" t="s">
        <v>165</v>
      </c>
      <c r="G35" s="77" t="s">
        <v>38</v>
      </c>
      <c r="H35" s="43"/>
      <c r="I35" s="30"/>
      <c r="J35" s="152"/>
      <c r="K35" s="139"/>
      <c r="L35" s="139"/>
      <c r="M35" s="153"/>
    </row>
    <row r="36" spans="1:13" ht="20.399999999999999" x14ac:dyDescent="0.35">
      <c r="A36" s="35"/>
      <c r="B36" s="85" t="s">
        <v>189</v>
      </c>
      <c r="C36" s="83" t="s">
        <v>162</v>
      </c>
      <c r="D36" s="75" t="s">
        <v>93</v>
      </c>
      <c r="E36" s="85" t="s">
        <v>23</v>
      </c>
      <c r="F36" s="83" t="s">
        <v>166</v>
      </c>
      <c r="G36" s="77" t="s">
        <v>38</v>
      </c>
      <c r="H36" s="43"/>
      <c r="I36" s="30"/>
      <c r="J36" s="152"/>
      <c r="K36" s="139"/>
      <c r="L36" s="139"/>
      <c r="M36" s="153"/>
    </row>
    <row r="37" spans="1:13" ht="20.399999999999999" x14ac:dyDescent="0.35">
      <c r="A37" s="45"/>
      <c r="B37" s="85" t="s">
        <v>24</v>
      </c>
      <c r="C37" s="83" t="s">
        <v>163</v>
      </c>
      <c r="D37" s="75" t="s">
        <v>100</v>
      </c>
      <c r="E37" s="85" t="s">
        <v>25</v>
      </c>
      <c r="F37" s="83" t="s">
        <v>167</v>
      </c>
      <c r="G37" s="77" t="s">
        <v>38</v>
      </c>
      <c r="H37" s="43"/>
      <c r="I37" s="30"/>
      <c r="J37" s="152"/>
      <c r="K37" s="139"/>
      <c r="L37" s="139"/>
      <c r="M37" s="153"/>
    </row>
    <row r="38" spans="1:13" ht="19.2" x14ac:dyDescent="0.25">
      <c r="A38" s="46"/>
      <c r="B38" s="41"/>
      <c r="C38" s="40"/>
      <c r="D38" s="75"/>
      <c r="E38" s="85" t="s">
        <v>26</v>
      </c>
      <c r="F38" s="83" t="s">
        <v>27</v>
      </c>
      <c r="G38" s="77" t="s">
        <v>195</v>
      </c>
      <c r="H38" s="43"/>
      <c r="I38" s="30"/>
      <c r="J38" s="152"/>
      <c r="K38" s="139"/>
      <c r="L38" s="139"/>
      <c r="M38" s="153"/>
    </row>
    <row r="39" spans="1:13" ht="19.8" thickBot="1" x14ac:dyDescent="0.3">
      <c r="A39" s="46"/>
      <c r="B39" s="41"/>
      <c r="C39" s="40"/>
      <c r="D39" s="75"/>
      <c r="E39" s="85" t="s">
        <v>32</v>
      </c>
      <c r="F39" s="83" t="s">
        <v>33</v>
      </c>
      <c r="G39" s="77" t="s">
        <v>194</v>
      </c>
      <c r="H39" s="43"/>
      <c r="I39" s="30"/>
      <c r="J39" s="152"/>
      <c r="K39" s="139"/>
      <c r="L39" s="139"/>
      <c r="M39" s="153"/>
    </row>
    <row r="40" spans="1:13" ht="19.8" thickBot="1" x14ac:dyDescent="0.3">
      <c r="A40" s="46"/>
      <c r="B40" s="137" t="s">
        <v>28</v>
      </c>
      <c r="C40" s="138"/>
      <c r="D40" s="103" t="s">
        <v>105</v>
      </c>
      <c r="E40" s="137" t="s">
        <v>29</v>
      </c>
      <c r="F40" s="138"/>
      <c r="G40" s="78" t="s">
        <v>198</v>
      </c>
      <c r="H40" s="21"/>
      <c r="I40" s="30"/>
      <c r="J40" s="152"/>
      <c r="K40" s="139"/>
      <c r="L40" s="139"/>
      <c r="M40" s="153"/>
    </row>
    <row r="41" spans="1:13" ht="19.2" x14ac:dyDescent="0.25">
      <c r="A41" s="46"/>
      <c r="B41" s="14"/>
      <c r="C41" s="101"/>
      <c r="D41" s="14"/>
      <c r="E41" s="14"/>
      <c r="F41" s="37"/>
      <c r="G41" s="37"/>
      <c r="H41" s="37"/>
      <c r="I41" s="30"/>
      <c r="J41" s="152"/>
      <c r="K41" s="139"/>
      <c r="L41" s="139"/>
      <c r="M41" s="153"/>
    </row>
    <row r="42" spans="1:13" ht="19.2" x14ac:dyDescent="0.25">
      <c r="A42" s="46" t="s">
        <v>81</v>
      </c>
      <c r="B42" s="14"/>
      <c r="C42" s="123" t="s">
        <v>199</v>
      </c>
      <c r="D42" s="14"/>
      <c r="E42" s="56"/>
      <c r="F42" s="37"/>
      <c r="G42" s="37"/>
      <c r="H42" s="37"/>
      <c r="I42" s="30"/>
      <c r="J42" s="152"/>
      <c r="K42" s="139"/>
      <c r="L42" s="139"/>
      <c r="M42" s="153"/>
    </row>
    <row r="43" spans="1:13" ht="19.2" x14ac:dyDescent="0.25">
      <c r="A43" s="10"/>
      <c r="B43" s="14"/>
      <c r="C43" s="102"/>
      <c r="D43" s="14"/>
      <c r="E43" s="56"/>
      <c r="F43" s="64"/>
      <c r="G43" s="48"/>
      <c r="H43" s="48"/>
      <c r="I43" s="30"/>
      <c r="J43" s="152"/>
      <c r="K43" s="139"/>
      <c r="L43" s="139"/>
      <c r="M43" s="153"/>
    </row>
    <row r="44" spans="1:13" ht="21" customHeight="1" x14ac:dyDescent="0.25">
      <c r="A44" s="10" t="s">
        <v>82</v>
      </c>
      <c r="B44" s="14"/>
      <c r="C44" s="102" t="s">
        <v>61</v>
      </c>
      <c r="D44" s="55"/>
      <c r="E44" s="14"/>
      <c r="F44" s="14"/>
      <c r="G44" s="14"/>
      <c r="H44" s="14"/>
      <c r="I44" s="30"/>
      <c r="J44" s="152"/>
      <c r="K44" s="139"/>
      <c r="L44" s="139"/>
      <c r="M44" s="153"/>
    </row>
    <row r="45" spans="1:13" ht="19.2" x14ac:dyDescent="0.25">
      <c r="A45" s="10"/>
      <c r="B45" s="54" t="s">
        <v>53</v>
      </c>
      <c r="C45" s="73" t="s">
        <v>57</v>
      </c>
      <c r="D45" s="21"/>
      <c r="E45" s="21"/>
      <c r="F45" s="21"/>
      <c r="G45" s="21"/>
      <c r="H45" s="21"/>
      <c r="I45" s="30"/>
      <c r="J45" s="152"/>
      <c r="K45" s="139"/>
      <c r="L45" s="139"/>
      <c r="M45" s="153"/>
    </row>
    <row r="46" spans="1:13" ht="19.2" x14ac:dyDescent="0.25">
      <c r="A46" s="23"/>
      <c r="B46" s="14"/>
      <c r="C46" s="14"/>
      <c r="D46" s="14"/>
      <c r="E46" s="14"/>
      <c r="F46" s="14"/>
      <c r="G46" s="14"/>
      <c r="H46" s="14"/>
      <c r="I46" s="30"/>
      <c r="J46" s="152"/>
      <c r="K46" s="139"/>
      <c r="L46" s="139"/>
      <c r="M46" s="153"/>
    </row>
    <row r="47" spans="1:13" ht="19.2" x14ac:dyDescent="0.25">
      <c r="A47" s="65"/>
      <c r="B47" s="66"/>
      <c r="C47" s="66"/>
      <c r="D47" s="66"/>
      <c r="E47" s="66"/>
      <c r="F47" s="66"/>
      <c r="G47" s="66"/>
      <c r="H47" s="66"/>
      <c r="I47" s="67"/>
      <c r="J47" s="152"/>
      <c r="K47" s="139"/>
      <c r="L47" s="139"/>
      <c r="M47" s="153"/>
    </row>
    <row r="48" spans="1:13" ht="19.2" customHeight="1" x14ac:dyDescent="0.2">
      <c r="A48" s="49"/>
      <c r="B48" s="166" t="s">
        <v>54</v>
      </c>
      <c r="C48" s="166"/>
      <c r="D48" s="166"/>
      <c r="E48" s="166"/>
      <c r="F48" s="166"/>
      <c r="G48" s="166"/>
      <c r="H48" s="166"/>
      <c r="I48" s="51"/>
      <c r="J48" s="152"/>
      <c r="K48" s="139"/>
      <c r="L48" s="139"/>
      <c r="M48" s="153"/>
    </row>
    <row r="49" spans="1:13" ht="21.75" customHeight="1" x14ac:dyDescent="0.2">
      <c r="A49" s="49"/>
      <c r="B49" s="173"/>
      <c r="C49" s="173"/>
      <c r="D49" s="173"/>
      <c r="E49" s="173"/>
      <c r="F49" s="173"/>
      <c r="G49" s="173"/>
      <c r="H49" s="173"/>
      <c r="I49" s="51"/>
      <c r="J49" s="152"/>
      <c r="K49" s="139"/>
      <c r="L49" s="139"/>
      <c r="M49" s="153"/>
    </row>
    <row r="50" spans="1:13" ht="38.25" customHeight="1" x14ac:dyDescent="0.2">
      <c r="A50" s="23"/>
      <c r="B50" s="68" t="s">
        <v>55</v>
      </c>
      <c r="C50" s="124" t="s">
        <v>47</v>
      </c>
      <c r="D50" s="117"/>
      <c r="E50" s="117"/>
      <c r="F50" s="117"/>
      <c r="G50" s="117"/>
      <c r="H50" s="118"/>
      <c r="I50" s="51"/>
      <c r="J50" s="152"/>
      <c r="K50" s="139"/>
      <c r="L50" s="139"/>
      <c r="M50" s="153"/>
    </row>
    <row r="51" spans="1:13" ht="30" customHeight="1" x14ac:dyDescent="0.2">
      <c r="A51" s="23"/>
      <c r="B51" s="69" t="s">
        <v>50</v>
      </c>
      <c r="C51" s="114" t="s">
        <v>181</v>
      </c>
      <c r="D51" s="115"/>
      <c r="E51" s="115"/>
      <c r="F51" s="115"/>
      <c r="G51" s="115"/>
      <c r="H51" s="116"/>
      <c r="I51" s="51"/>
      <c r="J51" s="154"/>
      <c r="K51" s="155"/>
      <c r="L51" s="155"/>
      <c r="M51" s="156"/>
    </row>
    <row r="52" spans="1:13" ht="30" customHeight="1" x14ac:dyDescent="0.25">
      <c r="A52" s="23"/>
      <c r="B52" s="69" t="s">
        <v>51</v>
      </c>
      <c r="C52" s="114" t="s">
        <v>180</v>
      </c>
      <c r="D52" s="115"/>
      <c r="E52" s="115"/>
      <c r="F52" s="115"/>
      <c r="G52" s="115"/>
      <c r="H52" s="116"/>
      <c r="I52" s="51"/>
      <c r="J52" s="145"/>
      <c r="K52" s="146"/>
      <c r="L52" s="146"/>
      <c r="M52" s="147"/>
    </row>
    <row r="53" spans="1:13" ht="30" customHeight="1" x14ac:dyDescent="0.2">
      <c r="A53" s="23"/>
      <c r="B53" s="69" t="s">
        <v>184</v>
      </c>
      <c r="C53" s="114" t="s">
        <v>193</v>
      </c>
      <c r="D53" s="115"/>
      <c r="E53" s="115"/>
      <c r="F53" s="115"/>
      <c r="G53" s="115"/>
      <c r="H53" s="116"/>
      <c r="I53" s="51"/>
      <c r="J53" s="134" t="s">
        <v>201</v>
      </c>
      <c r="K53" s="135"/>
      <c r="L53" s="135"/>
      <c r="M53" s="148"/>
    </row>
    <row r="54" spans="1:13" ht="30" customHeight="1" x14ac:dyDescent="0.2">
      <c r="A54" s="23"/>
      <c r="B54" s="69" t="s">
        <v>126</v>
      </c>
      <c r="C54" s="114" t="s">
        <v>182</v>
      </c>
      <c r="D54" s="119"/>
      <c r="E54" s="119"/>
      <c r="F54" s="119"/>
      <c r="G54" s="119"/>
      <c r="H54" s="120"/>
      <c r="I54" s="51"/>
      <c r="J54" s="149"/>
      <c r="K54" s="150"/>
      <c r="L54" s="150"/>
      <c r="M54" s="148"/>
    </row>
    <row r="55" spans="1:13" ht="30" customHeight="1" x14ac:dyDescent="0.2">
      <c r="A55" s="49"/>
      <c r="B55" s="93" t="s">
        <v>52</v>
      </c>
      <c r="C55" s="114" t="s">
        <v>56</v>
      </c>
      <c r="D55" s="115"/>
      <c r="E55" s="115"/>
      <c r="F55" s="115"/>
      <c r="G55" s="115"/>
      <c r="H55" s="116"/>
      <c r="I55" s="51"/>
      <c r="J55" s="134" t="s">
        <v>202</v>
      </c>
      <c r="K55" s="135"/>
      <c r="L55" s="135"/>
      <c r="M55" s="151"/>
    </row>
    <row r="56" spans="1:13" ht="31.5" customHeight="1" thickBot="1" x14ac:dyDescent="0.25">
      <c r="A56" s="59"/>
      <c r="B56" s="60"/>
      <c r="C56" s="60"/>
      <c r="D56" s="60"/>
      <c r="E56" s="60"/>
      <c r="F56" s="60"/>
      <c r="G56" s="60"/>
      <c r="H56" s="60"/>
      <c r="I56" s="61"/>
      <c r="J56" s="62"/>
      <c r="K56" s="62"/>
      <c r="L56" s="62"/>
      <c r="M56" s="63"/>
    </row>
    <row r="57" spans="1:13" ht="15" thickTop="1" x14ac:dyDescent="0.2">
      <c r="B57" s="3"/>
      <c r="C57" s="3"/>
      <c r="D57" s="3"/>
      <c r="E57" s="3"/>
      <c r="F57" s="3"/>
      <c r="G57" s="3"/>
      <c r="H57" s="3"/>
      <c r="I57" s="3"/>
    </row>
  </sheetData>
  <mergeCells count="22">
    <mergeCell ref="J55:M55"/>
    <mergeCell ref="J52:M52"/>
    <mergeCell ref="J53:M53"/>
    <mergeCell ref="J54:M54"/>
    <mergeCell ref="J21:M51"/>
    <mergeCell ref="A1:M1"/>
    <mergeCell ref="A2:I2"/>
    <mergeCell ref="J2:M2"/>
    <mergeCell ref="J3:M3"/>
    <mergeCell ref="J4:M4"/>
    <mergeCell ref="F4:H5"/>
    <mergeCell ref="K6:L8"/>
    <mergeCell ref="K10:L10"/>
    <mergeCell ref="K13:L16"/>
    <mergeCell ref="K18:L18"/>
    <mergeCell ref="B48:H49"/>
    <mergeCell ref="B40:C40"/>
    <mergeCell ref="E40:F40"/>
    <mergeCell ref="E21:F21"/>
    <mergeCell ref="B21:C21"/>
    <mergeCell ref="B32:C32"/>
    <mergeCell ref="E32:F32"/>
  </mergeCells>
  <phoneticPr fontId="8"/>
  <pageMargins left="0.43307086614173229" right="0.23622047244094491" top="0.43307086614173229" bottom="0.39370078740157483" header="0.31496062992125984" footer="0.31496062992125984"/>
  <pageSetup paperSize="9" scale="48" orientation="landscape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4"/>
  <sheetViews>
    <sheetView view="pageBreakPreview" zoomScale="130" zoomScaleNormal="100" zoomScaleSheetLayoutView="130" workbookViewId="0">
      <selection activeCell="B10" sqref="B10"/>
    </sheetView>
  </sheetViews>
  <sheetFormatPr defaultColWidth="9" defaultRowHeight="16.2" x14ac:dyDescent="0.2"/>
  <cols>
    <col min="1" max="1" width="27.8984375" style="5" customWidth="1"/>
    <col min="2" max="3" width="9" style="5"/>
    <col min="4" max="4" width="20" style="5" bestFit="1" customWidth="1"/>
    <col min="5" max="6" width="9" style="5"/>
    <col min="7" max="7" width="21.19921875" style="5" bestFit="1" customWidth="1"/>
    <col min="8" max="8" width="11.69921875" style="5" bestFit="1" customWidth="1"/>
    <col min="9" max="9" width="9" style="5"/>
    <col min="10" max="10" width="19.5" style="6" bestFit="1" customWidth="1"/>
    <col min="11" max="16384" width="9" style="5"/>
  </cols>
  <sheetData>
    <row r="1" spans="1:11" x14ac:dyDescent="0.2">
      <c r="A1" s="5" t="s">
        <v>42</v>
      </c>
      <c r="D1" s="5" t="s">
        <v>43</v>
      </c>
      <c r="G1" s="5" t="s">
        <v>44</v>
      </c>
      <c r="J1" s="6" t="s">
        <v>45</v>
      </c>
    </row>
    <row r="2" spans="1:11" ht="20.399999999999999" x14ac:dyDescent="0.35">
      <c r="A2" s="5" t="s">
        <v>135</v>
      </c>
      <c r="B2" s="1" t="s">
        <v>143</v>
      </c>
      <c r="D2" s="1" t="s">
        <v>127</v>
      </c>
      <c r="E2" s="1" t="s">
        <v>2</v>
      </c>
      <c r="G2" s="4" t="s">
        <v>188</v>
      </c>
      <c r="H2" s="1" t="s">
        <v>168</v>
      </c>
      <c r="J2" s="4" t="s">
        <v>22</v>
      </c>
      <c r="K2" s="1" t="s">
        <v>171</v>
      </c>
    </row>
    <row r="3" spans="1:11" ht="20.399999999999999" x14ac:dyDescent="0.35">
      <c r="A3" s="5" t="s">
        <v>136</v>
      </c>
      <c r="B3" s="1" t="s">
        <v>144</v>
      </c>
      <c r="D3" s="1" t="s">
        <v>128</v>
      </c>
      <c r="E3" s="1" t="s">
        <v>4</v>
      </c>
      <c r="G3" s="4" t="s">
        <v>189</v>
      </c>
      <c r="H3" s="1" t="s">
        <v>169</v>
      </c>
      <c r="J3" s="4" t="s">
        <v>23</v>
      </c>
      <c r="K3" s="1" t="s">
        <v>172</v>
      </c>
    </row>
    <row r="4" spans="1:11" ht="20.399999999999999" x14ac:dyDescent="0.35">
      <c r="A4" s="5" t="s">
        <v>137</v>
      </c>
      <c r="B4" s="1" t="s">
        <v>145</v>
      </c>
      <c r="D4" s="1" t="s">
        <v>129</v>
      </c>
      <c r="E4" s="1" t="s">
        <v>31</v>
      </c>
      <c r="G4" s="4" t="s">
        <v>24</v>
      </c>
      <c r="H4" s="1" t="s">
        <v>170</v>
      </c>
      <c r="J4" s="4" t="s">
        <v>25</v>
      </c>
      <c r="K4" s="1" t="s">
        <v>173</v>
      </c>
    </row>
    <row r="5" spans="1:11" ht="20.399999999999999" x14ac:dyDescent="0.35">
      <c r="A5" s="5" t="s">
        <v>130</v>
      </c>
      <c r="B5" s="1" t="s">
        <v>183</v>
      </c>
      <c r="D5" s="1" t="s">
        <v>37</v>
      </c>
      <c r="E5" s="1" t="s">
        <v>7</v>
      </c>
      <c r="J5" s="4" t="s">
        <v>26</v>
      </c>
      <c r="K5" s="1" t="s">
        <v>27</v>
      </c>
    </row>
    <row r="6" spans="1:11" ht="20.399999999999999" x14ac:dyDescent="0.35">
      <c r="A6" s="5" t="s">
        <v>138</v>
      </c>
      <c r="B6" s="1" t="s">
        <v>146</v>
      </c>
      <c r="D6" s="1" t="s">
        <v>9</v>
      </c>
      <c r="E6" s="1" t="s">
        <v>10</v>
      </c>
      <c r="J6" s="4" t="s">
        <v>32</v>
      </c>
      <c r="K6" s="1" t="s">
        <v>33</v>
      </c>
    </row>
    <row r="7" spans="1:11" ht="20.399999999999999" x14ac:dyDescent="0.35">
      <c r="A7" s="5" t="s">
        <v>139</v>
      </c>
      <c r="B7" s="1" t="s">
        <v>147</v>
      </c>
      <c r="D7" s="1" t="s">
        <v>12</v>
      </c>
      <c r="E7" s="1" t="s">
        <v>13</v>
      </c>
    </row>
    <row r="8" spans="1:11" ht="20.399999999999999" x14ac:dyDescent="0.35">
      <c r="A8" s="5" t="s">
        <v>140</v>
      </c>
      <c r="B8" s="1" t="s">
        <v>148</v>
      </c>
      <c r="D8" s="1" t="s">
        <v>14</v>
      </c>
      <c r="E8" s="1" t="s">
        <v>15</v>
      </c>
    </row>
    <row r="9" spans="1:11" ht="20.399999999999999" x14ac:dyDescent="0.35">
      <c r="A9" s="5" t="s">
        <v>131</v>
      </c>
      <c r="B9" s="1" t="s">
        <v>149</v>
      </c>
      <c r="D9" s="1" t="s">
        <v>186</v>
      </c>
      <c r="E9" s="1" t="s">
        <v>17</v>
      </c>
    </row>
    <row r="10" spans="1:11" ht="20.399999999999999" x14ac:dyDescent="0.35">
      <c r="A10" s="5" t="s">
        <v>141</v>
      </c>
      <c r="B10" s="1" t="s">
        <v>150</v>
      </c>
      <c r="D10" s="1" t="s">
        <v>187</v>
      </c>
      <c r="E10" s="1" t="s">
        <v>19</v>
      </c>
    </row>
    <row r="11" spans="1:11" ht="18.600000000000001" x14ac:dyDescent="0.2">
      <c r="A11" s="5" t="s">
        <v>142</v>
      </c>
      <c r="B11" s="1" t="s">
        <v>151</v>
      </c>
    </row>
    <row r="12" spans="1:11" ht="18.600000000000001" x14ac:dyDescent="0.2">
      <c r="A12" s="5" t="s">
        <v>20</v>
      </c>
      <c r="B12" s="1" t="s">
        <v>152</v>
      </c>
    </row>
    <row r="14" spans="1:11" x14ac:dyDescent="0.2">
      <c r="H14" s="6"/>
      <c r="J14" s="5"/>
    </row>
  </sheetData>
  <phoneticPr fontId="8"/>
  <pageMargins left="0.7" right="0.7" top="0.75" bottom="0.75" header="0.3" footer="0.3"/>
  <pageSetup paperSize="9" scale="53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5</vt:i4>
      </vt:variant>
    </vt:vector>
  </HeadingPairs>
  <TitlesOfParts>
    <vt:vector size="5" baseType="lpstr">
      <vt:lpstr>ｻﾝﾌﾟﾙ</vt:lpstr>
      <vt:lpstr>記入例1</vt:lpstr>
      <vt:lpstr>ｻﾝﾌﾟﾙ(4項目込み)</vt:lpstr>
      <vt:lpstr>記入例2</vt:lpstr>
      <vt:lpstr>イオン表記例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oka</cp:lastModifiedBy>
  <cp:lastPrinted>2025-09-10T00:55:58Z</cp:lastPrinted>
  <dcterms:created xsi:type="dcterms:W3CDTF">2014-04-25T04:20:48Z</dcterms:created>
  <dcterms:modified xsi:type="dcterms:W3CDTF">2025-09-10T00:56:58Z</dcterms:modified>
</cp:coreProperties>
</file>